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26"/>
  <workbookPr/>
  <mc:AlternateContent xmlns:mc="http://schemas.openxmlformats.org/markup-compatibility/2006">
    <mc:Choice Requires="x15">
      <x15ac:absPath xmlns:x15ac="http://schemas.microsoft.com/office/spreadsheetml/2010/11/ac" url="C:\Users\i01376\Desktop\"/>
    </mc:Choice>
  </mc:AlternateContent>
  <xr:revisionPtr revIDLastSave="0" documentId="13_ncr:1_{5948B32C-91AD-4C46-A951-6795EBE90396}" xr6:coauthVersionLast="47" xr6:coauthVersionMax="47" xr10:uidLastSave="{00000000-0000-0000-0000-000000000000}"/>
  <bookViews>
    <workbookView xWindow="-108" yWindow="-108" windowWidth="23256" windowHeight="12576" activeTab="1" xr2:uid="{00000000-000D-0000-FFFF-FFFF00000000}"/>
  </bookViews>
  <sheets>
    <sheet name="Page de garde" sheetId="21" r:id="rId1"/>
    <sheet name="Analyse" sheetId="19" r:id="rId2"/>
  </sheets>
  <definedNames>
    <definedName name="_Hlk90024674" localSheetId="1">Analyse!#REF!</definedName>
    <definedName name="_Toc89943423" localSheetId="1">Analyse!$B$20</definedName>
    <definedName name="_Toc89943428" localSheetId="1">Analyse!#REF!</definedName>
    <definedName name="_Toc89943429" localSheetId="1">Analyse!#REF!</definedName>
    <definedName name="_Toc89943430" localSheetId="1">Analyse!#REF!</definedName>
    <definedName name="_Toc89943433" localSheetId="1">Analyse!#REF!</definedName>
    <definedName name="_Toc89943443" localSheetId="1">Analyse!#REF!</definedName>
    <definedName name="_Toc89943445" localSheetId="1">Analyse!#REF!</definedName>
    <definedName name="_xlnm.Print_Area" localSheetId="0">'Page de garde'!$A$1:$Q$36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C21" i="21" l="1"/>
</calcChain>
</file>

<file path=xl/sharedStrings.xml><?xml version="1.0" encoding="utf-8"?>
<sst xmlns="http://schemas.openxmlformats.org/spreadsheetml/2006/main" count="212" uniqueCount="195">
  <si>
    <t xml:space="preserve">Rédacteur : </t>
  </si>
  <si>
    <t>Date :</t>
  </si>
  <si>
    <t>??</t>
  </si>
  <si>
    <t xml:space="preserve">Entité : 
Usine : 
Site : 
Services : </t>
  </si>
  <si>
    <t>Rév.A</t>
  </si>
  <si>
    <t>Offre :  ? Rev.x
Datée du :</t>
  </si>
  <si>
    <t>CIST-DTP-ICE-21-0637</t>
  </si>
  <si>
    <t>Req-1</t>
  </si>
  <si>
    <t>Req-2</t>
  </si>
  <si>
    <t>Req-3</t>
  </si>
  <si>
    <t>Req-4</t>
  </si>
  <si>
    <t>Req-5</t>
  </si>
  <si>
    <t>Req-6</t>
  </si>
  <si>
    <t>Req-7</t>
  </si>
  <si>
    <t>Req-8</t>
  </si>
  <si>
    <t>Req-9</t>
  </si>
  <si>
    <t>Req-10</t>
  </si>
  <si>
    <t>Req-11</t>
  </si>
  <si>
    <t>Req-12</t>
  </si>
  <si>
    <t>Req-13</t>
  </si>
  <si>
    <t>Req-14</t>
  </si>
  <si>
    <t>Req-15</t>
  </si>
  <si>
    <t>Req-16</t>
  </si>
  <si>
    <t>Req-17</t>
  </si>
  <si>
    <t>Req-18</t>
  </si>
  <si>
    <t>Req-19</t>
  </si>
  <si>
    <t>Req-20</t>
  </si>
  <si>
    <t>Req-21</t>
  </si>
  <si>
    <t>Req-22</t>
  </si>
  <si>
    <t>Req-23</t>
  </si>
  <si>
    <t>Req-24</t>
  </si>
  <si>
    <t>Req-25</t>
  </si>
  <si>
    <t>Req-26</t>
  </si>
  <si>
    <t>Req-27</t>
  </si>
  <si>
    <t>Req-28</t>
  </si>
  <si>
    <t>Req-29</t>
  </si>
  <si>
    <t>Req-30</t>
  </si>
  <si>
    <t>Req-31</t>
  </si>
  <si>
    <t>Req-32</t>
  </si>
  <si>
    <t>Req-33</t>
  </si>
  <si>
    <t>Req-34</t>
  </si>
  <si>
    <t>Req-35</t>
  </si>
  <si>
    <t>Req-36</t>
  </si>
  <si>
    <t>Req-37</t>
  </si>
  <si>
    <t>Req-38</t>
  </si>
  <si>
    <t>Req-39</t>
  </si>
  <si>
    <t>Req-40</t>
  </si>
  <si>
    <t>Req-41</t>
  </si>
  <si>
    <t>Req-42</t>
  </si>
  <si>
    <t>Req-43</t>
  </si>
  <si>
    <t>Req-44</t>
  </si>
  <si>
    <t>Req-45</t>
  </si>
  <si>
    <t>Req-46</t>
  </si>
  <si>
    <t>Req-47</t>
  </si>
  <si>
    <t>Req-48</t>
  </si>
  <si>
    <t>Req-49</t>
  </si>
  <si>
    <t>Req-50</t>
  </si>
  <si>
    <t>Req-51</t>
  </si>
  <si>
    <t>Req-52</t>
  </si>
  <si>
    <t>Req-53</t>
  </si>
  <si>
    <t>Req-54</t>
  </si>
  <si>
    <t>Req-55</t>
  </si>
  <si>
    <t>Req-56</t>
  </si>
  <si>
    <t>Req-57</t>
  </si>
  <si>
    <t>Req-58</t>
  </si>
  <si>
    <t>Req-59</t>
  </si>
  <si>
    <t>Req-60</t>
  </si>
  <si>
    <t>Req-61</t>
  </si>
  <si>
    <t>Req-62</t>
  </si>
  <si>
    <t>Req-63</t>
  </si>
  <si>
    <t>Req-64</t>
  </si>
  <si>
    <t>Req-65</t>
  </si>
  <si>
    <t>Req-66</t>
  </si>
  <si>
    <t>Req-67</t>
  </si>
  <si>
    <t>Req-68</t>
  </si>
  <si>
    <t>Req-69</t>
  </si>
  <si>
    <t>Req-70</t>
  </si>
  <si>
    <t>Req-71</t>
  </si>
  <si>
    <t>Req-72</t>
  </si>
  <si>
    <t>Req-73</t>
  </si>
  <si>
    <t>Req-74</t>
  </si>
  <si>
    <t>Req-75</t>
  </si>
  <si>
    <t>Req-76</t>
  </si>
  <si>
    <t>Req-77</t>
  </si>
  <si>
    <t>Req-78</t>
  </si>
  <si>
    <t>Req-79</t>
  </si>
  <si>
    <t>Req-80</t>
  </si>
  <si>
    <t>Req-81</t>
  </si>
  <si>
    <t>Req-82</t>
  </si>
  <si>
    <t>Req-83</t>
  </si>
  <si>
    <t>Req-84</t>
  </si>
  <si>
    <t>Req-85</t>
  </si>
  <si>
    <t>Req-86</t>
  </si>
  <si>
    <t>Req-87</t>
  </si>
  <si>
    <t>Req-88</t>
  </si>
  <si>
    <t>Req-89</t>
  </si>
  <si>
    <t>Req-90</t>
  </si>
  <si>
    <t>Req-91</t>
  </si>
  <si>
    <t>Req-92</t>
  </si>
  <si>
    <t>Req-93</t>
  </si>
  <si>
    <t>Req-94</t>
  </si>
  <si>
    <t>Req-95</t>
  </si>
  <si>
    <t>Note aux soumissionnaires</t>
  </si>
  <si>
    <t>Renvoi à l'offre</t>
  </si>
  <si>
    <t>Exigences</t>
  </si>
  <si>
    <t>Réponse du soummissionnaire</t>
  </si>
  <si>
    <t>Conforme aux spécifications</t>
  </si>
  <si>
    <t>Non conforme ou pas de réponse</t>
  </si>
  <si>
    <t>Analyse ENERCAL</t>
  </si>
  <si>
    <t>Statut de l'offre</t>
  </si>
  <si>
    <t>A clarifier</t>
  </si>
  <si>
    <t>Révision</t>
  </si>
  <si>
    <t>Date</t>
  </si>
  <si>
    <t>Rédacteur</t>
  </si>
  <si>
    <t>Vérifié par</t>
  </si>
  <si>
    <t>Etat</t>
  </si>
  <si>
    <t>Description de la révision</t>
  </si>
  <si>
    <t>Approuvé par</t>
  </si>
  <si>
    <t>Revision</t>
  </si>
  <si>
    <t>Written by</t>
  </si>
  <si>
    <t>Checked by</t>
  </si>
  <si>
    <t>Status</t>
  </si>
  <si>
    <t>Approved by</t>
  </si>
  <si>
    <r>
      <t>Projet</t>
    </r>
    <r>
      <rPr>
        <sz val="10"/>
        <rFont val="Arial Narrow"/>
        <family val="2"/>
      </rPr>
      <t xml:space="preserve"> :
Project :</t>
    </r>
  </si>
  <si>
    <t xml:space="preserve">BATTERIE DE BOULOUPARIS </t>
  </si>
  <si>
    <r>
      <t>Commanditaire</t>
    </r>
    <r>
      <rPr>
        <sz val="10"/>
        <rFont val="Arial Narrow"/>
        <family val="2"/>
      </rPr>
      <t xml:space="preserve"> :
Sponsor:</t>
    </r>
  </si>
  <si>
    <r>
      <t>Maître d’ouvrage</t>
    </r>
    <r>
      <rPr>
        <sz val="10"/>
        <rFont val="Arial Narrow"/>
        <family val="2"/>
      </rPr>
      <t xml:space="preserve"> :
Owner:</t>
    </r>
  </si>
  <si>
    <r>
      <t>Constructeur ou Maître d’œuvre :</t>
    </r>
    <r>
      <rPr>
        <sz val="10"/>
        <rFont val="Arial Narrow"/>
        <family val="2"/>
      </rPr>
      <t xml:space="preserve">
Prime Contractor or Architect Engineer:
</t>
    </r>
  </si>
  <si>
    <t>Référence :
_____
Code :</t>
  </si>
  <si>
    <t>/</t>
  </si>
  <si>
    <t>Filière</t>
  </si>
  <si>
    <t>Site</t>
  </si>
  <si>
    <t>Tranche</t>
  </si>
  <si>
    <t>Zone ou système élément</t>
  </si>
  <si>
    <t>Contrat</t>
  </si>
  <si>
    <t>Type doc.</t>
  </si>
  <si>
    <t>Domaine</t>
  </si>
  <si>
    <t>Numéro d’ordre</t>
  </si>
  <si>
    <t>Network</t>
  </si>
  <si>
    <t>Unit</t>
  </si>
  <si>
    <t>Work Unit / E.S</t>
  </si>
  <si>
    <t>Contract</t>
  </si>
  <si>
    <t>Domain</t>
  </si>
  <si>
    <t>Serial Number</t>
  </si>
  <si>
    <r>
      <t>Echelle</t>
    </r>
    <r>
      <rPr>
        <sz val="10"/>
        <rFont val="Arial Narrow"/>
        <family val="2"/>
      </rPr>
      <t xml:space="preserve"> / 
Scale:</t>
    </r>
  </si>
  <si>
    <r>
      <t>Titre</t>
    </r>
    <r>
      <rPr>
        <sz val="10"/>
        <rFont val="Arial Narrow"/>
        <family val="2"/>
      </rPr>
      <t xml:space="preserve"> :
Title :</t>
    </r>
  </si>
  <si>
    <r>
      <t xml:space="preserve">Système de codification:
</t>
    </r>
    <r>
      <rPr>
        <sz val="10"/>
        <rFont val="Arial Narrow"/>
        <family val="2"/>
      </rPr>
      <t>Coding system</t>
    </r>
    <r>
      <rPr>
        <u/>
        <sz val="10"/>
        <rFont val="Arial Narrow"/>
        <family val="2"/>
      </rPr>
      <t xml:space="preserve">
</t>
    </r>
  </si>
  <si>
    <t>-</t>
  </si>
  <si>
    <r>
      <t>Format</t>
    </r>
    <r>
      <rPr>
        <sz val="10"/>
        <rFont val="Arial Narrow"/>
        <family val="2"/>
      </rPr>
      <t xml:space="preserve"> / </t>
    </r>
  </si>
  <si>
    <t>Identifiant projet:</t>
  </si>
  <si>
    <t>Size :</t>
  </si>
  <si>
    <t>A3</t>
  </si>
  <si>
    <t>Titre Projet :</t>
  </si>
  <si>
    <t>N° Classement :</t>
  </si>
  <si>
    <t xml:space="preserve">
Project Title </t>
  </si>
  <si>
    <r>
      <t>Planche/ Page</t>
    </r>
    <r>
      <rPr>
        <sz val="10"/>
        <rFont val="Arial Narrow"/>
        <family val="2"/>
      </rPr>
      <t xml:space="preserve"> :</t>
    </r>
  </si>
  <si>
    <t>N° Fournisseur:</t>
  </si>
  <si>
    <t>Sheet / Page :</t>
  </si>
  <si>
    <t>Plan Guide:</t>
  </si>
  <si>
    <t>Plan d’exécution</t>
  </si>
  <si>
    <t>Customer</t>
  </si>
  <si>
    <t>1/2</t>
  </si>
  <si>
    <t>Guide Drawing</t>
  </si>
  <si>
    <t>Erection Drawing</t>
  </si>
  <si>
    <t>Identification et références de l’émetteur :</t>
  </si>
  <si>
    <t>Issuer Identification :</t>
  </si>
  <si>
    <t>Commande/Marché</t>
  </si>
  <si>
    <t>Validité de tranche:</t>
  </si>
  <si>
    <t>Unit identify</t>
  </si>
  <si>
    <t>Sites</t>
  </si>
  <si>
    <t>Diffusion:</t>
  </si>
  <si>
    <t>Confidentiel:</t>
  </si>
  <si>
    <t>Restreint :</t>
  </si>
  <si>
    <t>ENERCAL</t>
  </si>
  <si>
    <t>Libre:</t>
  </si>
  <si>
    <t>Access</t>
  </si>
  <si>
    <t>Confidential</t>
  </si>
  <si>
    <t>Restricted</t>
  </si>
  <si>
    <t>Free</t>
  </si>
  <si>
    <t>Copyright  © : 2022</t>
  </si>
  <si>
    <t>Grille d'analyse technique</t>
  </si>
  <si>
    <t xml:space="preserve">Organisation </t>
  </si>
  <si>
    <t>Générale</t>
  </si>
  <si>
    <t>Req-96</t>
  </si>
  <si>
    <t>Req-97</t>
  </si>
  <si>
    <t>Req-98</t>
  </si>
  <si>
    <t>Req-99</t>
  </si>
  <si>
    <t>Req-100</t>
  </si>
  <si>
    <t>Req-101</t>
  </si>
  <si>
    <t>Code couleur analyse ENERCAL</t>
  </si>
  <si>
    <t>Le soumissionnaire est invité à confirmer (OK) ou pas (NOK) les fonctionnalités qu'il propose dans son produit à travers la colonne "Reponses des soumissionnaires"  
tout en faisant le maximum de renvois possible vers les documents détaillant la fonctionnalité concernée via la colonne "Renvois à l'offre".</t>
  </si>
  <si>
    <t>Commentaire</t>
  </si>
  <si>
    <t>Points techniques particuliers : 
c.f. CIST-DTP-ICE-21-0637-A1</t>
  </si>
  <si>
    <t>Req-102</t>
  </si>
  <si>
    <t>Req-10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"/>
    <numFmt numFmtId="165" formatCode="0000"/>
  </numFmts>
  <fonts count="10" x14ac:knownFonts="1">
    <font>
      <sz val="10"/>
      <name val="Arial"/>
    </font>
    <font>
      <b/>
      <sz val="12"/>
      <name val="Arial"/>
      <family val="2"/>
    </font>
    <font>
      <sz val="12"/>
      <name val="Arial"/>
      <family val="2"/>
    </font>
    <font>
      <sz val="10"/>
      <name val="Arial"/>
      <family val="2"/>
    </font>
    <font>
      <sz val="8"/>
      <name val="Helv"/>
      <family val="2"/>
    </font>
    <font>
      <sz val="8"/>
      <name val="Arial"/>
      <family val="2"/>
    </font>
    <font>
      <sz val="10"/>
      <name val="Arial Narrow"/>
      <family val="2"/>
    </font>
    <font>
      <u/>
      <sz val="10"/>
      <name val="Arial Narrow"/>
      <family val="2"/>
    </font>
    <font>
      <sz val="18"/>
      <name val="Arial Narrow"/>
      <family val="2"/>
    </font>
    <font>
      <sz val="14"/>
      <name val="Arial Narrow"/>
      <family val="2"/>
    </font>
  </fonts>
  <fills count="10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00B050"/>
        <bgColor indexed="64"/>
      </patternFill>
    </fill>
    <fill>
      <patternFill patternType="solid">
        <fgColor rgb="FFFF0000"/>
        <bgColor indexed="64"/>
      </patternFill>
    </fill>
  </fills>
  <borders count="41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</borders>
  <cellStyleXfs count="4">
    <xf numFmtId="0" fontId="0" fillId="0" borderId="0"/>
    <xf numFmtId="0" fontId="3" fillId="0" borderId="0"/>
    <xf numFmtId="0" fontId="4" fillId="0" borderId="0"/>
    <xf numFmtId="0" fontId="1" fillId="0" borderId="2" applyFont="0" applyAlignment="0">
      <alignment horizontal="left" vertical="center" wrapText="1"/>
      <protection locked="0"/>
    </xf>
  </cellStyleXfs>
  <cellXfs count="151">
    <xf numFmtId="0" fontId="0" fillId="0" borderId="0" xfId="0"/>
    <xf numFmtId="0" fontId="2" fillId="0" borderId="0" xfId="0" applyFont="1" applyBorder="1" applyAlignment="1" applyProtection="1">
      <alignment vertical="center"/>
      <protection locked="0"/>
    </xf>
    <xf numFmtId="0" fontId="2" fillId="3" borderId="8" xfId="0" applyFont="1" applyFill="1" applyBorder="1" applyAlignment="1" applyProtection="1">
      <alignment horizontal="center" vertical="center" wrapText="1"/>
      <protection locked="0"/>
    </xf>
    <xf numFmtId="165" fontId="2" fillId="0" borderId="0" xfId="0" applyNumberFormat="1" applyFont="1" applyAlignment="1" applyProtection="1">
      <alignment horizontal="center" vertical="center"/>
      <protection locked="0"/>
    </xf>
    <xf numFmtId="0" fontId="2" fillId="0" borderId="0" xfId="0" applyFont="1" applyAlignment="1" applyProtection="1">
      <alignment vertical="center"/>
      <protection locked="0"/>
    </xf>
    <xf numFmtId="164" fontId="2" fillId="0" borderId="0" xfId="0" applyNumberFormat="1" applyFont="1" applyAlignment="1" applyProtection="1">
      <alignment horizontal="center" vertical="center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horizontal="center" vertical="center"/>
      <protection locked="0"/>
    </xf>
    <xf numFmtId="0" fontId="2" fillId="0" borderId="0" xfId="0" applyFont="1" applyBorder="1" applyAlignment="1" applyProtection="1">
      <alignment horizontal="center" vertical="center"/>
      <protection locked="0"/>
    </xf>
    <xf numFmtId="0" fontId="2" fillId="3" borderId="11" xfId="0" applyFont="1" applyFill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0" fontId="2" fillId="0" borderId="14" xfId="0" applyFont="1" applyBorder="1" applyAlignment="1" applyProtection="1">
      <alignment horizontal="right" vertical="center"/>
      <protection locked="0"/>
    </xf>
    <xf numFmtId="14" fontId="2" fillId="0" borderId="20" xfId="0" quotePrefix="1" applyNumberFormat="1" applyFont="1" applyBorder="1" applyAlignment="1" applyProtection="1">
      <alignment horizontal="left" vertical="center"/>
      <protection locked="0"/>
    </xf>
    <xf numFmtId="0" fontId="2" fillId="4" borderId="11" xfId="0" applyFont="1" applyFill="1" applyBorder="1" applyAlignment="1" applyProtection="1">
      <alignment horizontal="center" vertical="center" wrapText="1"/>
      <protection locked="0"/>
    </xf>
    <xf numFmtId="0" fontId="2" fillId="4" borderId="8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/>
      <protection locked="0"/>
    </xf>
    <xf numFmtId="0" fontId="1" fillId="0" borderId="2" xfId="0" applyFont="1" applyBorder="1" applyAlignment="1" applyProtection="1">
      <alignment horizontal="left" vertical="center" wrapText="1"/>
      <protection locked="0"/>
    </xf>
    <xf numFmtId="0" fontId="0" fillId="0" borderId="0" xfId="0" applyAlignment="1">
      <alignment horizontal="center"/>
    </xf>
    <xf numFmtId="164" fontId="2" fillId="0" borderId="20" xfId="0" applyNumberFormat="1" applyFont="1" applyBorder="1" applyAlignment="1" applyProtection="1">
      <alignment horizontal="center" vertical="center"/>
      <protection locked="0"/>
    </xf>
    <xf numFmtId="0" fontId="2" fillId="0" borderId="13" xfId="0" applyFont="1" applyBorder="1" applyAlignment="1" applyProtection="1">
      <alignment horizontal="right" vertical="center"/>
      <protection locked="0"/>
    </xf>
    <xf numFmtId="0" fontId="1" fillId="5" borderId="10" xfId="0" applyFont="1" applyFill="1" applyBorder="1" applyAlignment="1" applyProtection="1">
      <alignment vertical="center" wrapText="1"/>
      <protection locked="0"/>
    </xf>
    <xf numFmtId="165" fontId="2" fillId="0" borderId="10" xfId="0" applyNumberFormat="1" applyFont="1" applyBorder="1" applyAlignment="1" applyProtection="1">
      <alignment vertical="center"/>
      <protection locked="0"/>
    </xf>
    <xf numFmtId="0" fontId="1" fillId="3" borderId="10" xfId="0" applyFont="1" applyFill="1" applyBorder="1" applyAlignment="1" applyProtection="1">
      <alignment vertical="center" wrapText="1"/>
      <protection locked="0"/>
    </xf>
    <xf numFmtId="0" fontId="1" fillId="0" borderId="10" xfId="0" applyFont="1" applyBorder="1" applyAlignment="1" applyProtection="1">
      <alignment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164" fontId="2" fillId="0" borderId="7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164" fontId="2" fillId="0" borderId="9" xfId="0" applyNumberFormat="1" applyFont="1" applyBorder="1" applyAlignment="1" applyProtection="1">
      <alignment horizontal="center" vertical="center" wrapText="1"/>
      <protection locked="0"/>
    </xf>
    <xf numFmtId="164" fontId="1" fillId="0" borderId="22" xfId="0" applyNumberFormat="1" applyFont="1" applyBorder="1" applyAlignment="1" applyProtection="1">
      <alignment horizontal="left" vertical="center" wrapText="1"/>
      <protection locked="0"/>
    </xf>
    <xf numFmtId="164" fontId="2" fillId="0" borderId="12" xfId="0" applyNumberFormat="1" applyFont="1" applyBorder="1" applyAlignment="1" applyProtection="1">
      <alignment horizontal="center" vertical="center" wrapText="1"/>
      <protection locked="0"/>
    </xf>
    <xf numFmtId="164" fontId="2" fillId="0" borderId="6" xfId="0" applyNumberFormat="1" applyFont="1" applyBorder="1" applyAlignment="1" applyProtection="1">
      <alignment horizontal="center" vertical="center" wrapText="1"/>
      <protection locked="0"/>
    </xf>
    <xf numFmtId="164" fontId="1" fillId="0" borderId="1" xfId="0" applyNumberFormat="1" applyFont="1" applyBorder="1" applyAlignment="1" applyProtection="1">
      <alignment horizontal="center" vertical="center"/>
      <protection locked="0"/>
    </xf>
    <xf numFmtId="0" fontId="2" fillId="0" borderId="0" xfId="0" applyFont="1" applyBorder="1" applyAlignment="1" applyProtection="1">
      <alignment horizontal="right" vertical="center"/>
      <protection locked="0"/>
    </xf>
    <xf numFmtId="164" fontId="1" fillId="2" borderId="1" xfId="0" applyNumberFormat="1" applyFont="1" applyFill="1" applyBorder="1" applyAlignment="1" applyProtection="1">
      <alignment horizontal="center" vertical="center"/>
      <protection locked="0"/>
    </xf>
    <xf numFmtId="0" fontId="2" fillId="0" borderId="17" xfId="0" applyFont="1" applyBorder="1" applyAlignment="1" applyProtection="1">
      <alignment horizontal="left" vertical="center"/>
      <protection locked="0"/>
    </xf>
    <xf numFmtId="14" fontId="2" fillId="0" borderId="23" xfId="0" quotePrefix="1" applyNumberFormat="1" applyFont="1" applyBorder="1" applyAlignment="1" applyProtection="1">
      <alignment horizontal="left" vertical="center"/>
      <protection locked="0"/>
    </xf>
    <xf numFmtId="0" fontId="2" fillId="7" borderId="1" xfId="0" applyFont="1" applyFill="1" applyBorder="1" applyAlignment="1" applyProtection="1">
      <alignment horizontal="center" vertical="center" wrapText="1"/>
      <protection locked="0"/>
    </xf>
    <xf numFmtId="0" fontId="1" fillId="6" borderId="1" xfId="0" applyFont="1" applyFill="1" applyBorder="1" applyAlignment="1" applyProtection="1">
      <alignment vertical="center"/>
      <protection locked="0"/>
    </xf>
    <xf numFmtId="0" fontId="6" fillId="0" borderId="24" xfId="0" applyFont="1" applyBorder="1" applyAlignment="1">
      <alignment horizontal="center" vertical="center"/>
    </xf>
    <xf numFmtId="14" fontId="6" fillId="0" borderId="24" xfId="0" applyNumberFormat="1" applyFont="1" applyBorder="1" applyAlignment="1">
      <alignment horizontal="center" vertical="center"/>
    </xf>
    <xf numFmtId="0" fontId="6" fillId="0" borderId="0" xfId="0" applyFont="1"/>
    <xf numFmtId="49" fontId="6" fillId="0" borderId="24" xfId="0" applyNumberFormat="1" applyFont="1" applyBorder="1" applyAlignment="1">
      <alignment horizontal="center" vertical="center"/>
    </xf>
    <xf numFmtId="0" fontId="7" fillId="0" borderId="25" xfId="0" applyFont="1" applyBorder="1" applyAlignment="1">
      <alignment horizontal="left" vertical="top" wrapText="1"/>
    </xf>
    <xf numFmtId="0" fontId="6" fillId="0" borderId="29" xfId="0" applyFont="1" applyBorder="1"/>
    <xf numFmtId="0" fontId="6" fillId="0" borderId="27" xfId="0" applyFont="1" applyBorder="1"/>
    <xf numFmtId="0" fontId="6" fillId="0" borderId="33" xfId="0" applyFont="1" applyBorder="1" applyAlignment="1">
      <alignment horizontal="left" vertical="center" wrapText="1"/>
    </xf>
    <xf numFmtId="0" fontId="6" fillId="0" borderId="34" xfId="0" quotePrefix="1" applyFont="1" applyBorder="1" applyAlignment="1">
      <alignment horizontal="center" vertical="center"/>
    </xf>
    <xf numFmtId="0" fontId="6" fillId="0" borderId="35" xfId="0" applyFont="1" applyBorder="1"/>
    <xf numFmtId="0" fontId="6" fillId="0" borderId="33" xfId="0" applyFont="1" applyBorder="1"/>
    <xf numFmtId="0" fontId="7" fillId="0" borderId="35" xfId="0" applyFont="1" applyBorder="1" applyAlignment="1">
      <alignment wrapText="1"/>
    </xf>
    <xf numFmtId="0" fontId="7" fillId="0" borderId="0" xfId="0" applyFont="1" applyAlignment="1">
      <alignment wrapText="1"/>
    </xf>
    <xf numFmtId="49" fontId="6" fillId="0" borderId="33" xfId="0" applyNumberFormat="1" applyFont="1" applyBorder="1" applyAlignment="1">
      <alignment horizontal="center"/>
    </xf>
    <xf numFmtId="0" fontId="7" fillId="0" borderId="33" xfId="0" applyFont="1" applyBorder="1" applyAlignment="1">
      <alignment wrapText="1"/>
    </xf>
    <xf numFmtId="0" fontId="6" fillId="0" borderId="33" xfId="0" applyFont="1" applyBorder="1" applyAlignment="1">
      <alignment vertical="top"/>
    </xf>
    <xf numFmtId="0" fontId="6" fillId="0" borderId="33" xfId="0" applyFont="1" applyBorder="1" applyAlignment="1">
      <alignment horizontal="center"/>
    </xf>
    <xf numFmtId="0" fontId="7" fillId="0" borderId="0" xfId="0" applyFont="1"/>
    <xf numFmtId="0" fontId="6" fillId="0" borderId="0" xfId="0" applyFont="1" applyAlignment="1">
      <alignment wrapText="1"/>
    </xf>
    <xf numFmtId="0" fontId="7" fillId="0" borderId="33" xfId="0" applyFont="1" applyBorder="1"/>
    <xf numFmtId="0" fontId="6" fillId="0" borderId="28" xfId="0" applyFont="1" applyBorder="1"/>
    <xf numFmtId="0" fontId="6" fillId="0" borderId="28" xfId="0" applyFont="1" applyBorder="1" applyAlignment="1">
      <alignment horizontal="right"/>
    </xf>
    <xf numFmtId="49" fontId="6" fillId="0" borderId="34" xfId="0" applyNumberFormat="1" applyFont="1" applyBorder="1" applyAlignment="1">
      <alignment horizontal="center" vertical="center"/>
    </xf>
    <xf numFmtId="0" fontId="6" fillId="0" borderId="19" xfId="0" applyFont="1" applyBorder="1" applyAlignment="1">
      <alignment vertical="top"/>
    </xf>
    <xf numFmtId="0" fontId="6" fillId="0" borderId="19" xfId="0" applyFont="1" applyBorder="1"/>
    <xf numFmtId="0" fontId="7" fillId="0" borderId="27" xfId="0" applyFont="1" applyBorder="1"/>
    <xf numFmtId="0" fontId="6" fillId="0" borderId="30" xfId="0" applyFont="1" applyBorder="1"/>
    <xf numFmtId="0" fontId="6" fillId="0" borderId="29" xfId="0" applyFont="1" applyBorder="1" applyAlignment="1">
      <alignment vertical="top"/>
    </xf>
    <xf numFmtId="0" fontId="6" fillId="0" borderId="20" xfId="0" applyFont="1" applyBorder="1"/>
    <xf numFmtId="0" fontId="6" fillId="0" borderId="24" xfId="0" applyFont="1" applyBorder="1"/>
    <xf numFmtId="0" fontId="6" fillId="0" borderId="25" xfId="0" applyFont="1" applyBorder="1"/>
    <xf numFmtId="0" fontId="6" fillId="0" borderId="21" xfId="0" applyFont="1" applyBorder="1"/>
    <xf numFmtId="0" fontId="6" fillId="0" borderId="26" xfId="0" applyFont="1" applyBorder="1"/>
    <xf numFmtId="49" fontId="6" fillId="0" borderId="24" xfId="0" applyNumberFormat="1" applyFont="1" applyBorder="1"/>
    <xf numFmtId="0" fontId="6" fillId="0" borderId="31" xfId="0" applyFont="1" applyBorder="1"/>
    <xf numFmtId="0" fontId="6" fillId="0" borderId="32" xfId="0" applyFont="1" applyBorder="1"/>
    <xf numFmtId="0" fontId="7" fillId="0" borderId="29" xfId="0" applyFont="1" applyBorder="1"/>
    <xf numFmtId="0" fontId="6" fillId="0" borderId="34" xfId="0" applyFont="1" applyBorder="1"/>
    <xf numFmtId="0" fontId="7" fillId="0" borderId="21" xfId="0" applyFont="1" applyBorder="1"/>
    <xf numFmtId="0" fontId="2" fillId="3" borderId="5" xfId="0" applyFont="1" applyFill="1" applyBorder="1" applyAlignment="1" applyProtection="1">
      <alignment vertical="center" wrapText="1"/>
      <protection locked="0"/>
    </xf>
    <xf numFmtId="0" fontId="2" fillId="8" borderId="17" xfId="0" applyFont="1" applyFill="1" applyBorder="1" applyAlignment="1" applyProtection="1">
      <alignment horizontal="center" vertical="center" wrapText="1"/>
      <protection locked="0"/>
    </xf>
    <xf numFmtId="0" fontId="2" fillId="9" borderId="1" xfId="0" applyFont="1" applyFill="1" applyBorder="1" applyAlignment="1" applyProtection="1">
      <alignment horizontal="center" vertical="center" wrapText="1"/>
      <protection locked="0"/>
    </xf>
    <xf numFmtId="164" fontId="2" fillId="0" borderId="36" xfId="0" applyNumberFormat="1" applyFont="1" applyBorder="1" applyAlignment="1" applyProtection="1">
      <alignment horizontal="center" vertical="center" wrapText="1"/>
      <protection locked="0"/>
    </xf>
    <xf numFmtId="164" fontId="2" fillId="0" borderId="37" xfId="0" applyNumberFormat="1" applyFont="1" applyBorder="1" applyAlignment="1" applyProtection="1">
      <alignment horizontal="center" vertical="center" wrapText="1"/>
      <protection locked="0"/>
    </xf>
    <xf numFmtId="0" fontId="2" fillId="0" borderId="38" xfId="0" applyFont="1" applyBorder="1" applyAlignment="1" applyProtection="1">
      <alignment horizontal="center" vertical="center" wrapText="1"/>
      <protection locked="0"/>
    </xf>
    <xf numFmtId="0" fontId="2" fillId="0" borderId="3" xfId="0" applyFont="1" applyBorder="1" applyAlignment="1" applyProtection="1">
      <alignment horizontal="center" vertical="center" wrapText="1"/>
      <protection locked="0"/>
    </xf>
    <xf numFmtId="0" fontId="2" fillId="3" borderId="1" xfId="0" applyFont="1" applyFill="1" applyBorder="1" applyAlignment="1" applyProtection="1">
      <alignment vertical="center" wrapText="1"/>
      <protection locked="0"/>
    </xf>
    <xf numFmtId="0" fontId="1" fillId="4" borderId="4" xfId="0" applyFont="1" applyFill="1" applyBorder="1" applyAlignment="1" applyProtection="1">
      <alignment horizontal="center" vertical="center" wrapText="1"/>
      <protection locked="0"/>
    </xf>
    <xf numFmtId="164" fontId="1" fillId="0" borderId="39" xfId="0" applyNumberFormat="1" applyFont="1" applyBorder="1" applyAlignment="1" applyProtection="1">
      <alignment horizontal="left" vertical="center" wrapText="1"/>
      <protection locked="0"/>
    </xf>
    <xf numFmtId="0" fontId="1" fillId="0" borderId="1" xfId="0" applyFont="1" applyBorder="1" applyAlignment="1" applyProtection="1">
      <alignment vertical="center" wrapText="1"/>
      <protection locked="0"/>
    </xf>
    <xf numFmtId="0" fontId="6" fillId="0" borderId="25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6" fillId="0" borderId="26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 wrapText="1"/>
    </xf>
    <xf numFmtId="0" fontId="8" fillId="0" borderId="21" xfId="0" applyFont="1" applyBorder="1" applyAlignment="1">
      <alignment horizontal="center" vertical="center"/>
    </xf>
    <xf numFmtId="0" fontId="8" fillId="0" borderId="26" xfId="0" applyFont="1" applyBorder="1" applyAlignment="1">
      <alignment horizontal="center" vertical="center"/>
    </xf>
    <xf numFmtId="0" fontId="7" fillId="0" borderId="27" xfId="0" applyFont="1" applyBorder="1" applyAlignment="1">
      <alignment horizontal="left" wrapText="1"/>
    </xf>
    <xf numFmtId="0" fontId="6" fillId="0" borderId="28" xfId="0" applyFont="1" applyBorder="1" applyAlignment="1">
      <alignment horizontal="left"/>
    </xf>
    <xf numFmtId="0" fontId="7" fillId="0" borderId="28" xfId="0" applyFont="1" applyBorder="1" applyAlignment="1">
      <alignment horizontal="center" wrapText="1"/>
    </xf>
    <xf numFmtId="0" fontId="6" fillId="0" borderId="30" xfId="0" applyFont="1" applyBorder="1" applyAlignment="1">
      <alignment horizontal="center" wrapText="1"/>
    </xf>
    <xf numFmtId="0" fontId="7" fillId="0" borderId="28" xfId="0" applyFont="1" applyBorder="1" applyAlignment="1">
      <alignment horizontal="right" wrapText="1"/>
    </xf>
    <xf numFmtId="0" fontId="7" fillId="0" borderId="30" xfId="0" applyFont="1" applyBorder="1" applyAlignment="1">
      <alignment horizontal="right" wrapText="1"/>
    </xf>
    <xf numFmtId="0" fontId="6" fillId="0" borderId="31" xfId="0" applyFont="1" applyBorder="1" applyAlignment="1">
      <alignment horizontal="center" wrapText="1"/>
    </xf>
    <xf numFmtId="0" fontId="6" fillId="0" borderId="19" xfId="0" applyFont="1" applyBorder="1" applyAlignment="1">
      <alignment horizontal="center"/>
    </xf>
    <xf numFmtId="0" fontId="6" fillId="0" borderId="32" xfId="0" applyFont="1" applyBorder="1" applyAlignment="1">
      <alignment horizontal="center"/>
    </xf>
    <xf numFmtId="0" fontId="6" fillId="0" borderId="31" xfId="0" applyFont="1" applyBorder="1" applyAlignment="1">
      <alignment horizontal="left" wrapText="1"/>
    </xf>
    <xf numFmtId="0" fontId="6" fillId="0" borderId="19" xfId="0" applyFont="1" applyBorder="1" applyAlignment="1">
      <alignment horizontal="left"/>
    </xf>
    <xf numFmtId="0" fontId="6" fillId="0" borderId="32" xfId="0" applyFont="1" applyBorder="1" applyAlignment="1">
      <alignment horizontal="left"/>
    </xf>
    <xf numFmtId="0" fontId="6" fillId="0" borderId="35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6" fillId="0" borderId="25" xfId="0" applyFont="1" applyBorder="1" applyAlignment="1">
      <alignment horizontal="center"/>
    </xf>
    <xf numFmtId="0" fontId="6" fillId="0" borderId="26" xfId="0" applyFont="1" applyBorder="1" applyAlignment="1">
      <alignment horizontal="center"/>
    </xf>
    <xf numFmtId="0" fontId="6" fillId="0" borderId="21" xfId="0" applyFont="1" applyBorder="1" applyAlignment="1">
      <alignment horizontal="center"/>
    </xf>
    <xf numFmtId="0" fontId="6" fillId="0" borderId="28" xfId="0" applyFont="1" applyBorder="1" applyAlignment="1">
      <alignment horizontal="right"/>
    </xf>
    <xf numFmtId="0" fontId="6" fillId="0" borderId="30" xfId="0" applyFont="1" applyBorder="1" applyAlignment="1">
      <alignment horizontal="right"/>
    </xf>
    <xf numFmtId="0" fontId="6" fillId="0" borderId="29" xfId="0" applyFont="1" applyBorder="1" applyAlignment="1">
      <alignment horizontal="center" vertical="top"/>
    </xf>
    <xf numFmtId="0" fontId="6" fillId="0" borderId="0" xfId="0" applyFont="1" applyAlignment="1">
      <alignment horizontal="center" vertical="top"/>
    </xf>
    <xf numFmtId="0" fontId="6" fillId="0" borderId="20" xfId="0" applyFont="1" applyBorder="1" applyAlignment="1">
      <alignment horizontal="center" vertical="top"/>
    </xf>
    <xf numFmtId="0" fontId="7" fillId="0" borderId="29" xfId="0" applyFont="1" applyBorder="1" applyAlignment="1">
      <alignment horizontal="center" wrapText="1"/>
    </xf>
    <xf numFmtId="0" fontId="7" fillId="0" borderId="0" xfId="0" applyFont="1" applyAlignment="1">
      <alignment horizontal="center"/>
    </xf>
    <xf numFmtId="0" fontId="7" fillId="0" borderId="20" xfId="0" applyFont="1" applyBorder="1" applyAlignment="1">
      <alignment horizontal="center"/>
    </xf>
    <xf numFmtId="0" fontId="9" fillId="0" borderId="0" xfId="0" applyFont="1" applyAlignment="1">
      <alignment horizontal="center"/>
    </xf>
    <xf numFmtId="0" fontId="6" fillId="0" borderId="31" xfId="0" quotePrefix="1" applyFont="1" applyBorder="1" applyAlignment="1">
      <alignment horizontal="center" vertical="top"/>
    </xf>
    <xf numFmtId="0" fontId="6" fillId="0" borderId="19" xfId="0" applyFont="1" applyBorder="1" applyAlignment="1">
      <alignment horizontal="center" vertical="top"/>
    </xf>
    <xf numFmtId="0" fontId="6" fillId="0" borderId="32" xfId="0" applyFont="1" applyBorder="1" applyAlignment="1">
      <alignment horizontal="center" vertical="top"/>
    </xf>
    <xf numFmtId="0" fontId="6" fillId="0" borderId="0" xfId="0" applyFont="1" applyAlignment="1">
      <alignment horizontal="center"/>
    </xf>
    <xf numFmtId="0" fontId="7" fillId="0" borderId="29" xfId="0" applyFont="1" applyBorder="1" applyAlignment="1">
      <alignment horizontal="center"/>
    </xf>
    <xf numFmtId="0" fontId="6" fillId="0" borderId="31" xfId="0" applyFont="1" applyBorder="1" applyAlignment="1">
      <alignment horizontal="center" vertical="top"/>
    </xf>
    <xf numFmtId="49" fontId="6" fillId="0" borderId="31" xfId="0" applyNumberFormat="1" applyFont="1" applyBorder="1" applyAlignment="1">
      <alignment horizontal="center" vertical="top"/>
    </xf>
    <xf numFmtId="49" fontId="6" fillId="0" borderId="19" xfId="0" applyNumberFormat="1" applyFont="1" applyBorder="1" applyAlignment="1">
      <alignment horizontal="center" vertical="top"/>
    </xf>
    <xf numFmtId="49" fontId="6" fillId="0" borderId="32" xfId="0" applyNumberFormat="1" applyFont="1" applyBorder="1" applyAlignment="1">
      <alignment horizontal="center" vertical="top"/>
    </xf>
    <xf numFmtId="0" fontId="7" fillId="0" borderId="27" xfId="0" applyFont="1" applyBorder="1" applyAlignment="1">
      <alignment horizontal="center"/>
    </xf>
    <xf numFmtId="0" fontId="7" fillId="0" borderId="28" xfId="0" applyFont="1" applyBorder="1" applyAlignment="1">
      <alignment horizontal="center"/>
    </xf>
    <xf numFmtId="0" fontId="7" fillId="0" borderId="30" xfId="0" applyFont="1" applyBorder="1" applyAlignment="1">
      <alignment horizontal="center"/>
    </xf>
    <xf numFmtId="0" fontId="6" fillId="0" borderId="28" xfId="0" applyFont="1" applyBorder="1" applyAlignment="1">
      <alignment horizontal="center"/>
    </xf>
    <xf numFmtId="0" fontId="6" fillId="0" borderId="19" xfId="0" applyFont="1" applyBorder="1" applyAlignment="1">
      <alignment horizontal="right" vertical="top"/>
    </xf>
    <xf numFmtId="0" fontId="6" fillId="0" borderId="32" xfId="0" applyFont="1" applyBorder="1" applyAlignment="1">
      <alignment horizontal="right" vertical="top"/>
    </xf>
    <xf numFmtId="0" fontId="6" fillId="0" borderId="29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31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center"/>
    </xf>
    <xf numFmtId="164" fontId="1" fillId="2" borderId="14" xfId="0" applyNumberFormat="1" applyFont="1" applyFill="1" applyBorder="1" applyAlignment="1" applyProtection="1">
      <alignment horizontal="center" vertical="center" wrapText="1"/>
      <protection locked="0"/>
    </xf>
    <xf numFmtId="164" fontId="1" fillId="2" borderId="18" xfId="0" applyNumberFormat="1" applyFont="1" applyFill="1" applyBorder="1" applyAlignment="1" applyProtection="1">
      <alignment horizontal="center" vertical="center" wrapText="1"/>
      <protection locked="0"/>
    </xf>
    <xf numFmtId="164" fontId="1" fillId="2" borderId="15" xfId="0" applyNumberFormat="1" applyFont="1" applyFill="1" applyBorder="1" applyAlignment="1" applyProtection="1">
      <alignment horizontal="center" vertical="center" wrapText="1"/>
      <protection locked="0"/>
    </xf>
    <xf numFmtId="0" fontId="1" fillId="5" borderId="4" xfId="0" applyFont="1" applyFill="1" applyBorder="1" applyAlignment="1" applyProtection="1">
      <alignment horizontal="center" vertical="center" wrapText="1"/>
      <protection locked="0"/>
    </xf>
    <xf numFmtId="0" fontId="1" fillId="5" borderId="11" xfId="0" applyFont="1" applyFill="1" applyBorder="1" applyAlignment="1" applyProtection="1">
      <alignment horizontal="center" vertical="center" wrapText="1"/>
      <protection locked="0"/>
    </xf>
    <xf numFmtId="0" fontId="1" fillId="5" borderId="5" xfId="0" applyFont="1" applyFill="1" applyBorder="1" applyAlignment="1" applyProtection="1">
      <alignment horizontal="center" vertical="center" wrapText="1"/>
      <protection locked="0"/>
    </xf>
    <xf numFmtId="0" fontId="1" fillId="6" borderId="4" xfId="0" applyFont="1" applyFill="1" applyBorder="1" applyAlignment="1" applyProtection="1">
      <alignment horizontal="center" vertical="center"/>
      <protection locked="0"/>
    </xf>
    <xf numFmtId="0" fontId="1" fillId="6" borderId="11" xfId="0" applyFont="1" applyFill="1" applyBorder="1" applyAlignment="1" applyProtection="1">
      <alignment horizontal="center" vertical="center"/>
      <protection locked="0"/>
    </xf>
    <xf numFmtId="0" fontId="2" fillId="0" borderId="23" xfId="0" applyFont="1" applyBorder="1" applyAlignment="1" applyProtection="1">
      <alignment horizontal="center" vertical="center" wrapText="1"/>
      <protection locked="0"/>
    </xf>
    <xf numFmtId="164" fontId="2" fillId="0" borderId="40" xfId="0" applyNumberFormat="1" applyFont="1" applyBorder="1" applyAlignment="1" applyProtection="1">
      <alignment horizontal="center" vertical="center" wrapText="1"/>
      <protection locked="0"/>
    </xf>
  </cellXfs>
  <cellStyles count="4">
    <cellStyle name="Normal" xfId="0" builtinId="0"/>
    <cellStyle name="Normal 2" xfId="1" xr:uid="{00000000-0005-0000-0000-000003000000}"/>
    <cellStyle name="Normal 3" xfId="2" xr:uid="{00000000-0005-0000-0000-000004000000}"/>
    <cellStyle name="Style 1" xfId="3" xr:uid="{00000000-0005-0000-0000-000005000000}"/>
  </cellStyles>
  <dxfs count="0"/>
  <tableStyles count="0" defaultTableStyle="TableStyleMedium9" defaultPivotStyle="PivotStyleLight16"/>
  <colors>
    <mruColors>
      <color rgb="FF00B05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14300</xdr:colOff>
      <xdr:row>33</xdr:row>
      <xdr:rowOff>66675</xdr:rowOff>
    </xdr:from>
    <xdr:to>
      <xdr:col>0</xdr:col>
      <xdr:colOff>561975</xdr:colOff>
      <xdr:row>34</xdr:row>
      <xdr:rowOff>95250</xdr:rowOff>
    </xdr:to>
    <xdr:grpSp>
      <xdr:nvGrpSpPr>
        <xdr:cNvPr id="2" name="Group 10">
          <a:extLst>
            <a:ext uri="{FF2B5EF4-FFF2-40B4-BE49-F238E27FC236}">
              <a16:creationId xmlns:a16="http://schemas.microsoft.com/office/drawing/2014/main" id="{907CA465-C852-44E3-9CBA-913C1E133933}"/>
            </a:ext>
          </a:extLst>
        </xdr:cNvPr>
        <xdr:cNvGrpSpPr>
          <a:grpSpLocks/>
        </xdr:cNvGrpSpPr>
      </xdr:nvGrpSpPr>
      <xdr:grpSpPr bwMode="auto">
        <a:xfrm>
          <a:off x="114300" y="9515475"/>
          <a:ext cx="447675" cy="216834"/>
          <a:chOff x="1447" y="1234"/>
          <a:chExt cx="712" cy="342"/>
        </a:xfrm>
      </xdr:grpSpPr>
      <xdr:sp macro="" textlink="">
        <xdr:nvSpPr>
          <xdr:cNvPr id="3" name="AutoShape 11">
            <a:extLst>
              <a:ext uri="{FF2B5EF4-FFF2-40B4-BE49-F238E27FC236}">
                <a16:creationId xmlns:a16="http://schemas.microsoft.com/office/drawing/2014/main" id="{D02C95D0-D760-4047-A5F1-A90A938652CF}"/>
              </a:ext>
            </a:extLst>
          </xdr:cNvPr>
          <xdr:cNvSpPr>
            <a:spLocks noChangeArrowheads="1"/>
          </xdr:cNvSpPr>
        </xdr:nvSpPr>
        <xdr:spPr bwMode="auto">
          <a:xfrm rot="5400000">
            <a:off x="1483" y="1276"/>
            <a:ext cx="283" cy="283"/>
          </a:xfrm>
          <a:custGeom>
            <a:avLst/>
            <a:gdLst>
              <a:gd name="T0" fmla="*/ 0 w 21600"/>
              <a:gd name="T1" fmla="*/ 0 h 21600"/>
              <a:gd name="T2" fmla="*/ 0 w 21600"/>
              <a:gd name="T3" fmla="*/ 0 h 21600"/>
              <a:gd name="T4" fmla="*/ 0 w 21600"/>
              <a:gd name="T5" fmla="*/ 0 h 21600"/>
              <a:gd name="T6" fmla="*/ 0 w 21600"/>
              <a:gd name="T7" fmla="*/ 0 h 21600"/>
              <a:gd name="T8" fmla="*/ 0 60000 65536"/>
              <a:gd name="T9" fmla="*/ 0 60000 65536"/>
              <a:gd name="T10" fmla="*/ 0 60000 65536"/>
              <a:gd name="T11" fmla="*/ 0 60000 65536"/>
              <a:gd name="T12" fmla="*/ 4503 w 21600"/>
              <a:gd name="T13" fmla="*/ 4503 h 21600"/>
              <a:gd name="T14" fmla="*/ 17097 w 21600"/>
              <a:gd name="T15" fmla="*/ 17097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0" y="0"/>
                </a:moveTo>
                <a:lnTo>
                  <a:pt x="5400" y="21600"/>
                </a:lnTo>
                <a:lnTo>
                  <a:pt x="16200" y="21600"/>
                </a:lnTo>
                <a:lnTo>
                  <a:pt x="21600" y="0"/>
                </a:lnTo>
                <a:close/>
              </a:path>
            </a:pathLst>
          </a:custGeom>
          <a:solidFill>
            <a:srgbClr val="FFFFFF"/>
          </a:solidFill>
          <a:ln w="6350">
            <a:solidFill>
              <a:srgbClr val="000000"/>
            </a:solidFill>
            <a:miter lim="800000"/>
            <a:headEnd/>
            <a:tailEnd/>
          </a:ln>
        </xdr:spPr>
      </xdr:sp>
      <xdr:sp macro="" textlink="">
        <xdr:nvSpPr>
          <xdr:cNvPr id="4" name="Oval 12">
            <a:extLst>
              <a:ext uri="{FF2B5EF4-FFF2-40B4-BE49-F238E27FC236}">
                <a16:creationId xmlns:a16="http://schemas.microsoft.com/office/drawing/2014/main" id="{2A34AE21-F614-41E4-87CD-D51119AC9F60}"/>
              </a:ext>
            </a:extLst>
          </xdr:cNvPr>
          <xdr:cNvSpPr>
            <a:spLocks noChangeArrowheads="1"/>
          </xdr:cNvSpPr>
        </xdr:nvSpPr>
        <xdr:spPr bwMode="auto">
          <a:xfrm>
            <a:off x="1836" y="1271"/>
            <a:ext cx="283" cy="283"/>
          </a:xfrm>
          <a:prstGeom prst="ellipse">
            <a:avLst/>
          </a:prstGeom>
          <a:solidFill>
            <a:srgbClr val="FFFFFF"/>
          </a:solidFill>
          <a:ln w="6350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5" name="Oval 13">
            <a:extLst>
              <a:ext uri="{FF2B5EF4-FFF2-40B4-BE49-F238E27FC236}">
                <a16:creationId xmlns:a16="http://schemas.microsoft.com/office/drawing/2014/main" id="{C181F8F0-C93B-4D02-8FEB-E7CFD8A2688C}"/>
              </a:ext>
            </a:extLst>
          </xdr:cNvPr>
          <xdr:cNvSpPr>
            <a:spLocks noChangeArrowheads="1"/>
          </xdr:cNvSpPr>
        </xdr:nvSpPr>
        <xdr:spPr bwMode="auto">
          <a:xfrm>
            <a:off x="1905" y="1342"/>
            <a:ext cx="143" cy="143"/>
          </a:xfrm>
          <a:prstGeom prst="ellipse">
            <a:avLst/>
          </a:prstGeom>
          <a:solidFill>
            <a:srgbClr val="FFFFFF"/>
          </a:solidFill>
          <a:ln w="6350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6" name="Line 14">
            <a:extLst>
              <a:ext uri="{FF2B5EF4-FFF2-40B4-BE49-F238E27FC236}">
                <a16:creationId xmlns:a16="http://schemas.microsoft.com/office/drawing/2014/main" id="{F1B9A632-294D-4D5F-8EA6-A1A4477E4B79}"/>
              </a:ext>
            </a:extLst>
          </xdr:cNvPr>
          <xdr:cNvSpPr>
            <a:spLocks noChangeShapeType="1"/>
          </xdr:cNvSpPr>
        </xdr:nvSpPr>
        <xdr:spPr bwMode="auto">
          <a:xfrm>
            <a:off x="1447" y="1420"/>
            <a:ext cx="71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/>
            <a:tailEnd/>
          </a:ln>
        </xdr:spPr>
      </xdr:sp>
      <xdr:sp macro="" textlink="">
        <xdr:nvSpPr>
          <xdr:cNvPr id="7" name="Line 15">
            <a:extLst>
              <a:ext uri="{FF2B5EF4-FFF2-40B4-BE49-F238E27FC236}">
                <a16:creationId xmlns:a16="http://schemas.microsoft.com/office/drawing/2014/main" id="{80816805-ED59-4C90-B60C-761FF155AA0E}"/>
              </a:ext>
            </a:extLst>
          </xdr:cNvPr>
          <xdr:cNvSpPr>
            <a:spLocks noChangeShapeType="1"/>
          </xdr:cNvSpPr>
        </xdr:nvSpPr>
        <xdr:spPr bwMode="auto">
          <a:xfrm flipV="1">
            <a:off x="1975" y="1234"/>
            <a:ext cx="0" cy="342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/>
            <a:tailEnd/>
          </a:ln>
        </xdr:spPr>
      </xdr:sp>
    </xdr:grpSp>
    <xdr:clientData/>
  </xdr:twoCellAnchor>
  <xdr:twoCellAnchor>
    <xdr:from>
      <xdr:col>3</xdr:col>
      <xdr:colOff>152400</xdr:colOff>
      <xdr:row>33</xdr:row>
      <xdr:rowOff>104775</xdr:rowOff>
    </xdr:from>
    <xdr:to>
      <xdr:col>3</xdr:col>
      <xdr:colOff>323850</xdr:colOff>
      <xdr:row>34</xdr:row>
      <xdr:rowOff>104775</xdr:rowOff>
    </xdr:to>
    <xdr:sp macro="" textlink="">
      <xdr:nvSpPr>
        <xdr:cNvPr id="8" name="Rectangle 16">
          <a:extLst>
            <a:ext uri="{FF2B5EF4-FFF2-40B4-BE49-F238E27FC236}">
              <a16:creationId xmlns:a16="http://schemas.microsoft.com/office/drawing/2014/main" id="{E380000C-2914-4A14-8DE8-483A815D31DF}"/>
            </a:ext>
          </a:extLst>
        </xdr:cNvPr>
        <xdr:cNvSpPr>
          <a:spLocks noChangeArrowheads="1"/>
        </xdr:cNvSpPr>
      </xdr:nvSpPr>
      <xdr:spPr bwMode="auto">
        <a:xfrm>
          <a:off x="1949450" y="9623425"/>
          <a:ext cx="171450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5</xdr:col>
      <xdr:colOff>333375</xdr:colOff>
      <xdr:row>33</xdr:row>
      <xdr:rowOff>104775</xdr:rowOff>
    </xdr:from>
    <xdr:to>
      <xdr:col>5</xdr:col>
      <xdr:colOff>504825</xdr:colOff>
      <xdr:row>34</xdr:row>
      <xdr:rowOff>104775</xdr:rowOff>
    </xdr:to>
    <xdr:sp macro="" textlink="">
      <xdr:nvSpPr>
        <xdr:cNvPr id="9" name="Rectangle 17">
          <a:extLst>
            <a:ext uri="{FF2B5EF4-FFF2-40B4-BE49-F238E27FC236}">
              <a16:creationId xmlns:a16="http://schemas.microsoft.com/office/drawing/2014/main" id="{4A613FF9-25A2-4518-AA61-441C87D4BFD6}"/>
            </a:ext>
          </a:extLst>
        </xdr:cNvPr>
        <xdr:cNvSpPr>
          <a:spLocks noChangeArrowheads="1"/>
        </xdr:cNvSpPr>
      </xdr:nvSpPr>
      <xdr:spPr bwMode="auto">
        <a:xfrm>
          <a:off x="3019425" y="9623425"/>
          <a:ext cx="171450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7</xdr:col>
      <xdr:colOff>361950</xdr:colOff>
      <xdr:row>33</xdr:row>
      <xdr:rowOff>104775</xdr:rowOff>
    </xdr:from>
    <xdr:to>
      <xdr:col>7</xdr:col>
      <xdr:colOff>533400</xdr:colOff>
      <xdr:row>34</xdr:row>
      <xdr:rowOff>104775</xdr:rowOff>
    </xdr:to>
    <xdr:sp macro="" textlink="">
      <xdr:nvSpPr>
        <xdr:cNvPr id="10" name="Rectangle 18">
          <a:extLst>
            <a:ext uri="{FF2B5EF4-FFF2-40B4-BE49-F238E27FC236}">
              <a16:creationId xmlns:a16="http://schemas.microsoft.com/office/drawing/2014/main" id="{D4B1ECC2-4373-4671-ADBA-C8E3242AF521}"/>
            </a:ext>
          </a:extLst>
        </xdr:cNvPr>
        <xdr:cNvSpPr>
          <a:spLocks noChangeArrowheads="1"/>
        </xdr:cNvSpPr>
      </xdr:nvSpPr>
      <xdr:spPr bwMode="auto">
        <a:xfrm>
          <a:off x="4870450" y="9623425"/>
          <a:ext cx="171450" cy="1905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6</xdr:col>
      <xdr:colOff>585583</xdr:colOff>
      <xdr:row>33</xdr:row>
      <xdr:rowOff>76200</xdr:rowOff>
    </xdr:from>
    <xdr:to>
      <xdr:col>6</xdr:col>
      <xdr:colOff>785608</xdr:colOff>
      <xdr:row>34</xdr:row>
      <xdr:rowOff>114300</xdr:rowOff>
    </xdr:to>
    <xdr:sp macro="" textlink="">
      <xdr:nvSpPr>
        <xdr:cNvPr id="11" name="Text Box 19">
          <a:extLst>
            <a:ext uri="{FF2B5EF4-FFF2-40B4-BE49-F238E27FC236}">
              <a16:creationId xmlns:a16="http://schemas.microsoft.com/office/drawing/2014/main" id="{3C3AB1C6-3F7E-4513-B0A5-B28134669561}"/>
            </a:ext>
          </a:extLst>
        </xdr:cNvPr>
        <xdr:cNvSpPr txBox="1">
          <a:spLocks noChangeArrowheads="1"/>
        </xdr:cNvSpPr>
      </xdr:nvSpPr>
      <xdr:spPr bwMode="auto">
        <a:xfrm>
          <a:off x="4078083" y="9594850"/>
          <a:ext cx="200025" cy="2286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22860" rIns="27432" bIns="22860" anchor="ctr" upright="1"/>
        <a:lstStyle/>
        <a:p>
          <a:pPr algn="ctr" rtl="0">
            <a:defRPr sz="1000"/>
          </a:pPr>
          <a:r>
            <a:rPr lang="en-US" sz="1000" b="1" i="0" u="none" strike="noStrike" baseline="0">
              <a:solidFill>
                <a:srgbClr val="000000"/>
              </a:solidFill>
              <a:latin typeface="Arial"/>
              <a:cs typeface="Arial"/>
            </a:rPr>
            <a:t>X</a:t>
          </a:r>
        </a:p>
      </xdr:txBody>
    </xdr:sp>
    <xdr:clientData/>
  </xdr:twoCellAnchor>
  <xdr:twoCellAnchor>
    <xdr:from>
      <xdr:col>6</xdr:col>
      <xdr:colOff>752475</xdr:colOff>
      <xdr:row>22</xdr:row>
      <xdr:rowOff>133350</xdr:rowOff>
    </xdr:from>
    <xdr:to>
      <xdr:col>6</xdr:col>
      <xdr:colOff>923925</xdr:colOff>
      <xdr:row>23</xdr:row>
      <xdr:rowOff>85725</xdr:rowOff>
    </xdr:to>
    <xdr:sp macro="" textlink="">
      <xdr:nvSpPr>
        <xdr:cNvPr id="12" name="Rectangle 20">
          <a:extLst>
            <a:ext uri="{FF2B5EF4-FFF2-40B4-BE49-F238E27FC236}">
              <a16:creationId xmlns:a16="http://schemas.microsoft.com/office/drawing/2014/main" id="{A3343564-DBE8-48D1-A915-A7DB25CA58E6}"/>
            </a:ext>
          </a:extLst>
        </xdr:cNvPr>
        <xdr:cNvSpPr>
          <a:spLocks noChangeArrowheads="1"/>
        </xdr:cNvSpPr>
      </xdr:nvSpPr>
      <xdr:spPr bwMode="auto">
        <a:xfrm>
          <a:off x="4244975" y="7270750"/>
          <a:ext cx="171450" cy="1936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>
    <xdr:from>
      <xdr:col>2</xdr:col>
      <xdr:colOff>419100</xdr:colOff>
      <xdr:row>22</xdr:row>
      <xdr:rowOff>133350</xdr:rowOff>
    </xdr:from>
    <xdr:to>
      <xdr:col>3</xdr:col>
      <xdr:colOff>19050</xdr:colOff>
      <xdr:row>23</xdr:row>
      <xdr:rowOff>85725</xdr:rowOff>
    </xdr:to>
    <xdr:sp macro="" textlink="">
      <xdr:nvSpPr>
        <xdr:cNvPr id="13" name="Rectangle 21">
          <a:extLst>
            <a:ext uri="{FF2B5EF4-FFF2-40B4-BE49-F238E27FC236}">
              <a16:creationId xmlns:a16="http://schemas.microsoft.com/office/drawing/2014/main" id="{EB1C2538-931A-4040-944C-2757764F0C2E}"/>
            </a:ext>
          </a:extLst>
        </xdr:cNvPr>
        <xdr:cNvSpPr>
          <a:spLocks noChangeArrowheads="1"/>
        </xdr:cNvSpPr>
      </xdr:nvSpPr>
      <xdr:spPr bwMode="auto">
        <a:xfrm>
          <a:off x="1619250" y="7270750"/>
          <a:ext cx="196850" cy="193675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</xdr:sp>
    <xdr:clientData/>
  </xdr:twoCellAnchor>
  <xdr:twoCellAnchor editAs="oneCell">
    <xdr:from>
      <xdr:col>0</xdr:col>
      <xdr:colOff>290590</xdr:colOff>
      <xdr:row>11</xdr:row>
      <xdr:rowOff>152299</xdr:rowOff>
    </xdr:from>
    <xdr:to>
      <xdr:col>3</xdr:col>
      <xdr:colOff>215</xdr:colOff>
      <xdr:row>11</xdr:row>
      <xdr:rowOff>774599</xdr:rowOff>
    </xdr:to>
    <xdr:pic>
      <xdr:nvPicPr>
        <xdr:cNvPr id="14" name="Image 13">
          <a:extLst>
            <a:ext uri="{FF2B5EF4-FFF2-40B4-BE49-F238E27FC236}">
              <a16:creationId xmlns:a16="http://schemas.microsoft.com/office/drawing/2014/main" id="{5A8B4F0B-F8B3-4BF9-BCF7-A37C539798E4}"/>
            </a:ext>
          </a:extLst>
        </xdr:cNvPr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90590" y="3511449"/>
          <a:ext cx="1506675" cy="622300"/>
        </a:xfrm>
        <a:prstGeom prst="rect">
          <a:avLst/>
        </a:prstGeom>
        <a:noFill/>
      </xdr:spPr>
    </xdr:pic>
    <xdr:clientData/>
  </xdr:twoCellAnchor>
</xdr:wsDr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A24647-6633-40A6-963F-932FE0F550F5}">
  <dimension ref="A1:Q36"/>
  <sheetViews>
    <sheetView view="pageBreakPreview" topLeftCell="A13" zoomScale="85" zoomScaleNormal="85" zoomScaleSheetLayoutView="85" workbookViewId="0">
      <selection activeCell="H20" sqref="H20"/>
    </sheetView>
  </sheetViews>
  <sheetFormatPr baseColWidth="10" defaultColWidth="11.44140625" defaultRowHeight="13.8" x14ac:dyDescent="0.3"/>
  <cols>
    <col min="1" max="1" width="9.21875" style="40" customWidth="1"/>
    <col min="2" max="2" width="8" style="40" customWidth="1"/>
    <col min="3" max="3" width="8.5546875" style="40" customWidth="1"/>
    <col min="4" max="4" width="7.5546875" style="40" customWidth="1"/>
    <col min="5" max="5" width="5.21875" style="40" customWidth="1"/>
    <col min="6" max="6" width="11.5546875" style="40" customWidth="1"/>
    <col min="7" max="7" width="14.5546875" style="40" customWidth="1"/>
    <col min="8" max="8" width="8.5546875" style="40" customWidth="1"/>
    <col min="9" max="9" width="4.77734375" style="40" customWidth="1"/>
    <col min="10" max="10" width="1.77734375" style="40" customWidth="1"/>
    <col min="11" max="11" width="3.21875" style="40" customWidth="1"/>
    <col min="12" max="17" width="2.21875" style="40" customWidth="1"/>
    <col min="18" max="35" width="3.77734375" style="40" customWidth="1"/>
    <col min="36" max="16384" width="11.44140625" style="40"/>
  </cols>
  <sheetData>
    <row r="1" spans="1:17" ht="18" customHeight="1" x14ac:dyDescent="0.3">
      <c r="A1" s="38"/>
      <c r="B1" s="39"/>
      <c r="C1" s="38"/>
      <c r="D1" s="38"/>
      <c r="E1" s="38"/>
      <c r="F1" s="88"/>
      <c r="G1" s="89"/>
      <c r="H1" s="89"/>
      <c r="I1" s="89"/>
      <c r="J1" s="89"/>
      <c r="K1" s="89"/>
      <c r="L1" s="89"/>
      <c r="M1" s="90"/>
      <c r="N1" s="88"/>
      <c r="O1" s="89"/>
      <c r="P1" s="89"/>
      <c r="Q1" s="90"/>
    </row>
    <row r="2" spans="1:17" ht="18" customHeight="1" x14ac:dyDescent="0.3">
      <c r="A2" s="38"/>
      <c r="B2" s="39"/>
      <c r="C2" s="38"/>
      <c r="D2" s="38"/>
      <c r="E2" s="38"/>
      <c r="F2" s="88"/>
      <c r="G2" s="89"/>
      <c r="H2" s="89"/>
      <c r="I2" s="89"/>
      <c r="J2" s="89"/>
      <c r="K2" s="89"/>
      <c r="L2" s="89"/>
      <c r="M2" s="90"/>
      <c r="N2" s="88"/>
      <c r="O2" s="89"/>
      <c r="P2" s="89"/>
      <c r="Q2" s="90"/>
    </row>
    <row r="3" spans="1:17" ht="18" customHeight="1" x14ac:dyDescent="0.3">
      <c r="A3" s="38"/>
      <c r="B3" s="39"/>
      <c r="C3" s="38"/>
      <c r="D3" s="38"/>
      <c r="E3" s="38"/>
      <c r="F3" s="88"/>
      <c r="G3" s="89"/>
      <c r="H3" s="89"/>
      <c r="I3" s="89"/>
      <c r="J3" s="89"/>
      <c r="K3" s="89"/>
      <c r="L3" s="89"/>
      <c r="M3" s="90"/>
      <c r="N3" s="88"/>
      <c r="O3" s="89"/>
      <c r="P3" s="89"/>
      <c r="Q3" s="90"/>
    </row>
    <row r="4" spans="1:17" ht="18" customHeight="1" x14ac:dyDescent="0.3">
      <c r="A4" s="38"/>
      <c r="B4" s="39"/>
      <c r="C4" s="38"/>
      <c r="D4" s="38"/>
      <c r="E4" s="38"/>
      <c r="F4" s="88"/>
      <c r="G4" s="89"/>
      <c r="H4" s="89"/>
      <c r="I4" s="89"/>
      <c r="J4" s="89"/>
      <c r="K4" s="89"/>
      <c r="L4" s="89"/>
      <c r="M4" s="90"/>
      <c r="N4" s="88"/>
      <c r="O4" s="89"/>
      <c r="P4" s="89"/>
      <c r="Q4" s="90"/>
    </row>
    <row r="5" spans="1:17" ht="18" customHeight="1" x14ac:dyDescent="0.3">
      <c r="A5" s="38"/>
      <c r="B5" s="39"/>
      <c r="C5" s="38"/>
      <c r="D5" s="38"/>
      <c r="E5" s="38"/>
      <c r="F5" s="88"/>
      <c r="G5" s="89"/>
      <c r="H5" s="89"/>
      <c r="I5" s="89"/>
      <c r="J5" s="89"/>
      <c r="K5" s="89"/>
      <c r="L5" s="89"/>
      <c r="M5" s="90"/>
      <c r="N5" s="88"/>
      <c r="O5" s="89"/>
      <c r="P5" s="89"/>
      <c r="Q5" s="90"/>
    </row>
    <row r="6" spans="1:17" ht="18" customHeight="1" x14ac:dyDescent="0.3">
      <c r="A6" s="38"/>
      <c r="B6" s="39"/>
      <c r="C6" s="38"/>
      <c r="D6" s="38"/>
      <c r="E6" s="38"/>
      <c r="F6" s="88"/>
      <c r="G6" s="89"/>
      <c r="H6" s="89"/>
      <c r="I6" s="89"/>
      <c r="J6" s="89"/>
      <c r="K6" s="89"/>
      <c r="L6" s="89"/>
      <c r="M6" s="90"/>
      <c r="N6" s="88"/>
      <c r="O6" s="89"/>
      <c r="P6" s="89"/>
      <c r="Q6" s="90"/>
    </row>
    <row r="7" spans="1:17" ht="18" customHeight="1" x14ac:dyDescent="0.3">
      <c r="A7" s="38"/>
      <c r="B7" s="41"/>
      <c r="C7" s="38"/>
      <c r="D7" s="38"/>
      <c r="E7" s="38"/>
      <c r="F7" s="88"/>
      <c r="G7" s="89"/>
      <c r="H7" s="89"/>
      <c r="I7" s="89"/>
      <c r="J7" s="89"/>
      <c r="K7" s="89"/>
      <c r="L7" s="89"/>
      <c r="M7" s="90"/>
      <c r="N7" s="88"/>
      <c r="O7" s="89"/>
      <c r="P7" s="89"/>
      <c r="Q7" s="90"/>
    </row>
    <row r="8" spans="1:17" ht="18" customHeight="1" x14ac:dyDescent="0.3">
      <c r="A8" s="38" t="s">
        <v>111</v>
      </c>
      <c r="B8" s="38" t="s">
        <v>112</v>
      </c>
      <c r="C8" s="38" t="s">
        <v>113</v>
      </c>
      <c r="D8" s="38" t="s">
        <v>114</v>
      </c>
      <c r="E8" s="38" t="s">
        <v>115</v>
      </c>
      <c r="F8" s="88" t="s">
        <v>116</v>
      </c>
      <c r="G8" s="89"/>
      <c r="H8" s="89"/>
      <c r="I8" s="89"/>
      <c r="J8" s="89"/>
      <c r="K8" s="89"/>
      <c r="L8" s="89"/>
      <c r="M8" s="90"/>
      <c r="N8" s="88" t="s">
        <v>117</v>
      </c>
      <c r="O8" s="89"/>
      <c r="P8" s="89"/>
      <c r="Q8" s="90"/>
    </row>
    <row r="9" spans="1:17" ht="18" customHeight="1" x14ac:dyDescent="0.3">
      <c r="A9" s="38" t="s">
        <v>118</v>
      </c>
      <c r="B9" s="38" t="s">
        <v>112</v>
      </c>
      <c r="C9" s="38" t="s">
        <v>119</v>
      </c>
      <c r="D9" s="38" t="s">
        <v>120</v>
      </c>
      <c r="E9" s="38" t="s">
        <v>121</v>
      </c>
      <c r="F9" s="88"/>
      <c r="G9" s="89"/>
      <c r="H9" s="89"/>
      <c r="I9" s="89"/>
      <c r="J9" s="89"/>
      <c r="K9" s="89"/>
      <c r="L9" s="89"/>
      <c r="M9" s="90"/>
      <c r="N9" s="88" t="s">
        <v>122</v>
      </c>
      <c r="O9" s="89"/>
      <c r="P9" s="89"/>
      <c r="Q9" s="90"/>
    </row>
    <row r="10" spans="1:17" ht="81" customHeight="1" x14ac:dyDescent="0.3">
      <c r="A10" s="42" t="s">
        <v>123</v>
      </c>
      <c r="B10" s="91" t="s">
        <v>124</v>
      </c>
      <c r="C10" s="92"/>
      <c r="D10" s="92"/>
      <c r="E10" s="92"/>
      <c r="F10" s="92"/>
      <c r="G10" s="92"/>
      <c r="H10" s="92"/>
      <c r="I10" s="92"/>
      <c r="J10" s="92"/>
      <c r="K10" s="92"/>
      <c r="L10" s="92"/>
      <c r="M10" s="92"/>
      <c r="N10" s="92"/>
      <c r="O10" s="92"/>
      <c r="P10" s="92"/>
      <c r="Q10" s="93"/>
    </row>
    <row r="11" spans="1:17" ht="21.75" customHeight="1" x14ac:dyDescent="0.3">
      <c r="A11" s="94" t="s">
        <v>125</v>
      </c>
      <c r="B11" s="95"/>
      <c r="E11" s="43"/>
      <c r="F11" s="96" t="s">
        <v>126</v>
      </c>
      <c r="G11" s="97"/>
      <c r="H11" s="44"/>
      <c r="I11" s="98" t="s">
        <v>127</v>
      </c>
      <c r="J11" s="98"/>
      <c r="K11" s="98"/>
      <c r="L11" s="98"/>
      <c r="M11" s="98"/>
      <c r="N11" s="98"/>
      <c r="O11" s="98"/>
      <c r="P11" s="98"/>
      <c r="Q11" s="99"/>
    </row>
    <row r="12" spans="1:17" ht="90" customHeight="1" x14ac:dyDescent="0.3">
      <c r="A12" s="100"/>
      <c r="B12" s="101"/>
      <c r="C12" s="101"/>
      <c r="D12" s="102"/>
      <c r="E12" s="103"/>
      <c r="F12" s="104"/>
      <c r="G12" s="105"/>
      <c r="H12" s="103"/>
      <c r="I12" s="104"/>
      <c r="J12" s="104"/>
      <c r="K12" s="104"/>
      <c r="L12" s="104"/>
      <c r="M12" s="104"/>
      <c r="N12" s="104"/>
      <c r="O12" s="104"/>
      <c r="P12" s="104"/>
      <c r="Q12" s="105"/>
    </row>
    <row r="13" spans="1:17" ht="34.5" customHeight="1" x14ac:dyDescent="0.3">
      <c r="A13" s="45" t="s">
        <v>128</v>
      </c>
      <c r="B13" s="46" t="s">
        <v>129</v>
      </c>
      <c r="C13" s="46" t="s">
        <v>129</v>
      </c>
      <c r="D13" s="46" t="s">
        <v>129</v>
      </c>
      <c r="E13" s="88" t="s">
        <v>129</v>
      </c>
      <c r="F13" s="90"/>
      <c r="G13" s="46" t="s">
        <v>129</v>
      </c>
      <c r="H13" s="46" t="s">
        <v>129</v>
      </c>
      <c r="I13" s="88" t="s">
        <v>129</v>
      </c>
      <c r="J13" s="90"/>
      <c r="K13" s="88" t="s">
        <v>129</v>
      </c>
      <c r="L13" s="89"/>
      <c r="M13" s="89"/>
      <c r="N13" s="89"/>
      <c r="O13" s="89"/>
      <c r="P13" s="89"/>
      <c r="Q13" s="90"/>
    </row>
    <row r="14" spans="1:17" ht="15" customHeight="1" x14ac:dyDescent="0.3">
      <c r="A14" s="47"/>
      <c r="B14" s="38" t="s">
        <v>130</v>
      </c>
      <c r="C14" s="106" t="s">
        <v>131</v>
      </c>
      <c r="D14" s="38" t="s">
        <v>132</v>
      </c>
      <c r="E14" s="108" t="s">
        <v>133</v>
      </c>
      <c r="F14" s="109"/>
      <c r="G14" s="38" t="s">
        <v>134</v>
      </c>
      <c r="H14" s="106" t="s">
        <v>135</v>
      </c>
      <c r="I14" s="88" t="s">
        <v>136</v>
      </c>
      <c r="J14" s="90"/>
      <c r="K14" s="108" t="s">
        <v>137</v>
      </c>
      <c r="L14" s="110"/>
      <c r="M14" s="110"/>
      <c r="N14" s="110"/>
      <c r="O14" s="110"/>
      <c r="P14" s="110"/>
      <c r="Q14" s="109"/>
    </row>
    <row r="15" spans="1:17" ht="15" customHeight="1" x14ac:dyDescent="0.3">
      <c r="A15" s="48"/>
      <c r="B15" s="38" t="s">
        <v>138</v>
      </c>
      <c r="C15" s="107"/>
      <c r="D15" s="38" t="s">
        <v>139</v>
      </c>
      <c r="E15" s="88" t="s">
        <v>140</v>
      </c>
      <c r="F15" s="90"/>
      <c r="G15" s="38" t="s">
        <v>141</v>
      </c>
      <c r="H15" s="107"/>
      <c r="I15" s="88" t="s">
        <v>142</v>
      </c>
      <c r="J15" s="90"/>
      <c r="K15" s="88" t="s">
        <v>143</v>
      </c>
      <c r="L15" s="89"/>
      <c r="M15" s="89"/>
      <c r="N15" s="89"/>
      <c r="O15" s="89"/>
      <c r="P15" s="89"/>
      <c r="Q15" s="90"/>
    </row>
    <row r="16" spans="1:17" ht="29.25" customHeight="1" x14ac:dyDescent="0.3">
      <c r="A16" s="49" t="s">
        <v>144</v>
      </c>
      <c r="B16" s="50" t="s">
        <v>145</v>
      </c>
      <c r="K16" s="116" t="s">
        <v>146</v>
      </c>
      <c r="L16" s="117"/>
      <c r="M16" s="117"/>
      <c r="N16" s="117"/>
      <c r="O16" s="117"/>
      <c r="P16" s="117"/>
      <c r="Q16" s="118"/>
    </row>
    <row r="17" spans="1:17" ht="19.05" customHeight="1" x14ac:dyDescent="0.35">
      <c r="A17" s="51" t="s">
        <v>147</v>
      </c>
      <c r="C17" s="119" t="s">
        <v>180</v>
      </c>
      <c r="D17" s="119"/>
      <c r="E17" s="119"/>
      <c r="F17" s="119"/>
      <c r="G17" s="119"/>
      <c r="H17" s="119"/>
      <c r="I17" s="119"/>
      <c r="K17" s="120" t="s">
        <v>129</v>
      </c>
      <c r="L17" s="121"/>
      <c r="M17" s="121"/>
      <c r="N17" s="121"/>
      <c r="O17" s="121"/>
      <c r="P17" s="121"/>
      <c r="Q17" s="122"/>
    </row>
    <row r="18" spans="1:17" ht="19.05" customHeight="1" x14ac:dyDescent="0.3">
      <c r="A18" s="52" t="s">
        <v>148</v>
      </c>
      <c r="D18" s="123"/>
      <c r="E18" s="123"/>
      <c r="F18" s="123"/>
      <c r="G18" s="123"/>
      <c r="H18" s="123"/>
      <c r="K18" s="124" t="s">
        <v>149</v>
      </c>
      <c r="L18" s="117"/>
      <c r="M18" s="117"/>
      <c r="N18" s="117"/>
      <c r="O18" s="117"/>
      <c r="P18" s="117"/>
      <c r="Q18" s="118"/>
    </row>
    <row r="19" spans="1:17" ht="19.05" customHeight="1" x14ac:dyDescent="0.3">
      <c r="A19" s="53" t="s">
        <v>150</v>
      </c>
      <c r="K19" s="125" t="s">
        <v>129</v>
      </c>
      <c r="L19" s="121"/>
      <c r="M19" s="121"/>
      <c r="N19" s="121"/>
      <c r="O19" s="121"/>
      <c r="P19" s="121"/>
      <c r="Q19" s="122"/>
    </row>
    <row r="20" spans="1:17" ht="19.05" customHeight="1" x14ac:dyDescent="0.3">
      <c r="A20" s="54" t="s">
        <v>151</v>
      </c>
      <c r="B20" s="55" t="s">
        <v>152</v>
      </c>
      <c r="K20" s="124" t="s">
        <v>153</v>
      </c>
      <c r="L20" s="117"/>
      <c r="M20" s="117"/>
      <c r="N20" s="117"/>
      <c r="O20" s="117"/>
      <c r="P20" s="117"/>
      <c r="Q20" s="118"/>
    </row>
    <row r="21" spans="1:17" ht="19.05" customHeight="1" x14ac:dyDescent="0.35">
      <c r="A21" s="48"/>
      <c r="B21" s="56" t="s">
        <v>154</v>
      </c>
      <c r="C21" s="119" t="str">
        <f>B10</f>
        <v xml:space="preserve">BATTERIE DE BOULOUPARIS </v>
      </c>
      <c r="D21" s="119"/>
      <c r="E21" s="119"/>
      <c r="F21" s="119"/>
      <c r="G21" s="119"/>
      <c r="H21" s="119"/>
      <c r="I21" s="119"/>
      <c r="K21" s="126" t="s">
        <v>129</v>
      </c>
      <c r="L21" s="127"/>
      <c r="M21" s="127"/>
      <c r="N21" s="127"/>
      <c r="O21" s="127"/>
      <c r="P21" s="127"/>
      <c r="Q21" s="128"/>
    </row>
    <row r="22" spans="1:17" ht="19.05" customHeight="1" x14ac:dyDescent="0.3">
      <c r="A22" s="57" t="s">
        <v>155</v>
      </c>
      <c r="K22" s="129" t="s">
        <v>156</v>
      </c>
      <c r="L22" s="130"/>
      <c r="M22" s="130"/>
      <c r="N22" s="130"/>
      <c r="O22" s="130"/>
      <c r="P22" s="130"/>
      <c r="Q22" s="131"/>
    </row>
    <row r="23" spans="1:17" ht="19.05" customHeight="1" x14ac:dyDescent="0.3">
      <c r="A23" s="53" t="s">
        <v>157</v>
      </c>
      <c r="B23" s="58" t="s">
        <v>158</v>
      </c>
      <c r="C23" s="59"/>
      <c r="D23" s="58"/>
      <c r="E23" s="58"/>
      <c r="F23" s="58"/>
      <c r="G23" s="58"/>
      <c r="H23" s="111" t="s">
        <v>159</v>
      </c>
      <c r="I23" s="111"/>
      <c r="J23" s="112"/>
      <c r="K23" s="113" t="s">
        <v>160</v>
      </c>
      <c r="L23" s="114"/>
      <c r="M23" s="114"/>
      <c r="N23" s="114"/>
      <c r="O23" s="114"/>
      <c r="P23" s="114"/>
      <c r="Q23" s="115"/>
    </row>
    <row r="24" spans="1:17" ht="19.05" customHeight="1" x14ac:dyDescent="0.3">
      <c r="A24" s="60" t="s">
        <v>161</v>
      </c>
      <c r="B24" s="61" t="s">
        <v>162</v>
      </c>
      <c r="C24" s="62"/>
      <c r="D24" s="62"/>
      <c r="E24" s="62"/>
      <c r="F24" s="62"/>
      <c r="G24" s="62"/>
      <c r="H24" s="133" t="s">
        <v>163</v>
      </c>
      <c r="I24" s="133"/>
      <c r="J24" s="134"/>
      <c r="K24" s="135"/>
      <c r="L24" s="136"/>
      <c r="M24" s="136"/>
      <c r="N24" s="136"/>
      <c r="O24" s="136"/>
      <c r="P24" s="136"/>
      <c r="Q24" s="137"/>
    </row>
    <row r="25" spans="1:17" ht="10.5" customHeight="1" x14ac:dyDescent="0.3">
      <c r="A25" s="63" t="s">
        <v>164</v>
      </c>
      <c r="B25" s="58"/>
      <c r="C25" s="58"/>
      <c r="D25" s="58"/>
      <c r="E25" s="58"/>
      <c r="F25" s="58"/>
      <c r="G25" s="58"/>
      <c r="H25" s="58"/>
      <c r="I25" s="58"/>
      <c r="J25" s="64"/>
      <c r="K25" s="138"/>
      <c r="L25" s="139"/>
      <c r="M25" s="139"/>
      <c r="N25" s="139"/>
      <c r="O25" s="139"/>
      <c r="P25" s="139"/>
      <c r="Q25" s="140"/>
    </row>
    <row r="26" spans="1:17" ht="19.05" customHeight="1" x14ac:dyDescent="0.3">
      <c r="A26" s="65" t="s">
        <v>165</v>
      </c>
      <c r="J26" s="66"/>
      <c r="K26" s="124" t="s">
        <v>166</v>
      </c>
      <c r="L26" s="117"/>
      <c r="M26" s="117"/>
      <c r="N26" s="117"/>
      <c r="O26" s="117"/>
      <c r="P26" s="117"/>
      <c r="Q26" s="118"/>
    </row>
    <row r="27" spans="1:17" ht="19.05" customHeight="1" x14ac:dyDescent="0.3">
      <c r="A27" s="43"/>
      <c r="J27" s="66"/>
      <c r="K27" s="125"/>
      <c r="L27" s="121"/>
      <c r="M27" s="121"/>
      <c r="N27" s="121"/>
      <c r="O27" s="121"/>
      <c r="P27" s="121"/>
      <c r="Q27" s="122"/>
    </row>
    <row r="28" spans="1:17" ht="19.05" customHeight="1" x14ac:dyDescent="0.3">
      <c r="A28" s="43"/>
      <c r="C28" s="123"/>
      <c r="D28" s="123"/>
      <c r="E28" s="123"/>
      <c r="F28" s="123"/>
      <c r="G28" s="123"/>
      <c r="H28" s="123"/>
      <c r="J28" s="66"/>
      <c r="K28" s="124" t="s">
        <v>167</v>
      </c>
      <c r="L28" s="117"/>
      <c r="M28" s="117"/>
      <c r="N28" s="117"/>
      <c r="O28" s="117"/>
      <c r="P28" s="117"/>
      <c r="Q28" s="118"/>
    </row>
    <row r="29" spans="1:17" ht="19.05" customHeight="1" x14ac:dyDescent="0.3">
      <c r="A29" s="43"/>
      <c r="C29" s="123"/>
      <c r="D29" s="123"/>
      <c r="E29" s="123"/>
      <c r="F29" s="123"/>
      <c r="G29" s="123"/>
      <c r="H29" s="123"/>
      <c r="J29" s="66"/>
      <c r="K29" s="125" t="s">
        <v>168</v>
      </c>
      <c r="L29" s="121"/>
      <c r="M29" s="121"/>
      <c r="N29" s="121"/>
      <c r="O29" s="121"/>
      <c r="P29" s="121"/>
      <c r="Q29" s="122"/>
    </row>
    <row r="30" spans="1:17" ht="15" customHeight="1" x14ac:dyDescent="0.3">
      <c r="A30" s="43"/>
      <c r="J30" s="66"/>
      <c r="K30" s="67" t="s">
        <v>169</v>
      </c>
      <c r="L30" s="68"/>
      <c r="M30" s="69"/>
      <c r="N30" s="69"/>
      <c r="O30" s="69"/>
      <c r="P30" s="69"/>
      <c r="Q30" s="70"/>
    </row>
    <row r="31" spans="1:17" ht="15.75" customHeight="1" x14ac:dyDescent="0.3">
      <c r="A31" s="43"/>
      <c r="J31" s="66"/>
      <c r="K31" s="67"/>
      <c r="L31" s="67"/>
      <c r="M31" s="71" t="s">
        <v>147</v>
      </c>
      <c r="N31" s="71" t="s">
        <v>147</v>
      </c>
      <c r="O31" s="71" t="s">
        <v>147</v>
      </c>
      <c r="P31" s="71" t="s">
        <v>147</v>
      </c>
      <c r="Q31" s="71" t="s">
        <v>147</v>
      </c>
    </row>
    <row r="32" spans="1:17" ht="15.75" customHeight="1" x14ac:dyDescent="0.3">
      <c r="A32" s="43"/>
      <c r="J32" s="66"/>
      <c r="K32" s="67"/>
      <c r="L32" s="67"/>
      <c r="M32" s="67"/>
      <c r="N32" s="67"/>
      <c r="O32" s="67"/>
      <c r="P32" s="67"/>
      <c r="Q32" s="67"/>
    </row>
    <row r="33" spans="1:17" ht="17.25" customHeight="1" x14ac:dyDescent="0.3">
      <c r="A33" s="72"/>
      <c r="B33" s="62"/>
      <c r="C33" s="62"/>
      <c r="D33" s="62"/>
      <c r="E33" s="62"/>
      <c r="F33" s="62"/>
      <c r="G33" s="62"/>
      <c r="H33" s="62"/>
      <c r="I33" s="62"/>
      <c r="J33" s="73"/>
      <c r="K33" s="67"/>
      <c r="L33" s="67"/>
      <c r="M33" s="67"/>
      <c r="N33" s="67"/>
      <c r="O33" s="67"/>
      <c r="P33" s="67"/>
      <c r="Q33" s="67"/>
    </row>
    <row r="34" spans="1:17" ht="15" customHeight="1" x14ac:dyDescent="0.3">
      <c r="A34" s="48"/>
      <c r="B34" s="74" t="s">
        <v>170</v>
      </c>
      <c r="C34" s="55" t="s">
        <v>171</v>
      </c>
      <c r="D34" s="132"/>
      <c r="E34" s="40" t="s">
        <v>172</v>
      </c>
      <c r="G34" s="40" t="s">
        <v>173</v>
      </c>
      <c r="H34" s="40" t="s">
        <v>174</v>
      </c>
      <c r="J34" s="66"/>
      <c r="K34" s="44"/>
      <c r="L34" s="58"/>
      <c r="M34" s="58"/>
      <c r="N34" s="58"/>
      <c r="O34" s="58"/>
      <c r="P34" s="58"/>
      <c r="Q34" s="64"/>
    </row>
    <row r="35" spans="1:17" ht="15" customHeight="1" x14ac:dyDescent="0.3">
      <c r="A35" s="48"/>
      <c r="B35" s="72" t="s">
        <v>175</v>
      </c>
      <c r="C35" s="62" t="s">
        <v>176</v>
      </c>
      <c r="D35" s="101"/>
      <c r="E35" s="62" t="s">
        <v>177</v>
      </c>
      <c r="F35" s="62"/>
      <c r="G35" s="62"/>
      <c r="H35" s="62" t="s">
        <v>178</v>
      </c>
      <c r="I35" s="62"/>
      <c r="J35" s="73"/>
      <c r="K35" s="43"/>
      <c r="Q35" s="66"/>
    </row>
    <row r="36" spans="1:17" x14ac:dyDescent="0.3">
      <c r="A36" s="75"/>
      <c r="B36" s="68"/>
      <c r="C36" s="69"/>
      <c r="D36" s="69"/>
      <c r="E36" s="69"/>
      <c r="F36" s="69"/>
      <c r="G36" s="69"/>
      <c r="H36" s="76" t="s">
        <v>179</v>
      </c>
      <c r="I36" s="69"/>
      <c r="J36" s="70"/>
      <c r="K36" s="72"/>
      <c r="L36" s="62"/>
      <c r="M36" s="62"/>
      <c r="N36" s="62"/>
      <c r="O36" s="62"/>
      <c r="P36" s="62"/>
      <c r="Q36" s="73"/>
    </row>
  </sheetData>
  <mergeCells count="57">
    <mergeCell ref="C29:H29"/>
    <mergeCell ref="K29:Q29"/>
    <mergeCell ref="D34:D35"/>
    <mergeCell ref="H24:J24"/>
    <mergeCell ref="K24:Q25"/>
    <mergeCell ref="K26:Q26"/>
    <mergeCell ref="K27:Q27"/>
    <mergeCell ref="C28:H28"/>
    <mergeCell ref="K28:Q28"/>
    <mergeCell ref="H23:J23"/>
    <mergeCell ref="K23:Q23"/>
    <mergeCell ref="K15:Q15"/>
    <mergeCell ref="K16:Q16"/>
    <mergeCell ref="C17:I17"/>
    <mergeCell ref="K17:Q17"/>
    <mergeCell ref="D18:H18"/>
    <mergeCell ref="K18:Q18"/>
    <mergeCell ref="K19:Q19"/>
    <mergeCell ref="K20:Q20"/>
    <mergeCell ref="C21:I21"/>
    <mergeCell ref="K21:Q21"/>
    <mergeCell ref="K22:Q22"/>
    <mergeCell ref="E13:F13"/>
    <mergeCell ref="I13:J13"/>
    <mergeCell ref="K13:Q13"/>
    <mergeCell ref="C14:C15"/>
    <mergeCell ref="E14:F14"/>
    <mergeCell ref="H14:H15"/>
    <mergeCell ref="I14:J14"/>
    <mergeCell ref="K14:Q14"/>
    <mergeCell ref="E15:F15"/>
    <mergeCell ref="I15:J15"/>
    <mergeCell ref="B10:Q10"/>
    <mergeCell ref="A11:B11"/>
    <mergeCell ref="F11:G11"/>
    <mergeCell ref="I11:Q11"/>
    <mergeCell ref="A12:D12"/>
    <mergeCell ref="E12:G12"/>
    <mergeCell ref="H12:Q12"/>
    <mergeCell ref="F7:M7"/>
    <mergeCell ref="N7:Q7"/>
    <mergeCell ref="F8:M8"/>
    <mergeCell ref="N8:Q8"/>
    <mergeCell ref="F9:M9"/>
    <mergeCell ref="N9:Q9"/>
    <mergeCell ref="F4:M4"/>
    <mergeCell ref="N4:Q4"/>
    <mergeCell ref="F5:M5"/>
    <mergeCell ref="N5:Q5"/>
    <mergeCell ref="F6:M6"/>
    <mergeCell ref="N6:Q6"/>
    <mergeCell ref="F1:M1"/>
    <mergeCell ref="N1:Q1"/>
    <mergeCell ref="F2:M2"/>
    <mergeCell ref="N2:Q2"/>
    <mergeCell ref="F3:M3"/>
    <mergeCell ref="N3:Q3"/>
  </mergeCells>
  <pageMargins left="0.47244094488188981" right="0.35433070866141736" top="0.47244094488188981" bottom="0.47244094488188981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outlinePr summaryRight="0"/>
    <pageSetUpPr fitToPage="1"/>
  </sheetPr>
  <dimension ref="A1:H148"/>
  <sheetViews>
    <sheetView tabSelected="1" topLeftCell="A115" zoomScale="70" zoomScaleNormal="70" zoomScaleSheetLayoutView="55" workbookViewId="0">
      <selection activeCell="D135" sqref="D135"/>
    </sheetView>
  </sheetViews>
  <sheetFormatPr baseColWidth="10" defaultColWidth="11.44140625" defaultRowHeight="15" x14ac:dyDescent="0.25"/>
  <cols>
    <col min="1" max="1" width="8.5546875" style="3" customWidth="1"/>
    <col min="2" max="2" width="36.44140625" style="6" customWidth="1"/>
    <col min="3" max="3" width="45.77734375" style="7" customWidth="1"/>
    <col min="4" max="4" width="53.5546875" style="5" customWidth="1"/>
    <col min="5" max="5" width="45.77734375" style="7" customWidth="1"/>
    <col min="6" max="6" width="53.5546875" style="5" customWidth="1"/>
    <col min="7" max="16384" width="11.44140625" style="4"/>
  </cols>
  <sheetData>
    <row r="1" spans="1:8" ht="15.6" thickBot="1" x14ac:dyDescent="0.3">
      <c r="D1" s="18"/>
      <c r="E1" s="8"/>
    </row>
    <row r="2" spans="1:8" x14ac:dyDescent="0.25">
      <c r="C2" s="19" t="s">
        <v>0</v>
      </c>
      <c r="D2" s="34" t="s">
        <v>2</v>
      </c>
      <c r="E2" s="8"/>
    </row>
    <row r="3" spans="1:8" ht="32.25" customHeight="1" thickBot="1" x14ac:dyDescent="0.3">
      <c r="C3" s="11" t="s">
        <v>1</v>
      </c>
      <c r="D3" s="35" t="s">
        <v>2</v>
      </c>
      <c r="E3" s="8"/>
    </row>
    <row r="4" spans="1:8" ht="32.25" customHeight="1" thickBot="1" x14ac:dyDescent="0.3">
      <c r="C4" s="32"/>
      <c r="D4" s="12"/>
      <c r="E4" s="8"/>
    </row>
    <row r="5" spans="1:8" ht="32.25" customHeight="1" thickBot="1" x14ac:dyDescent="0.3">
      <c r="C5" s="32"/>
      <c r="E5" s="31" t="s">
        <v>189</v>
      </c>
    </row>
    <row r="6" spans="1:8" ht="32.25" customHeight="1" thickBot="1" x14ac:dyDescent="0.3">
      <c r="C6" s="32"/>
      <c r="E6" s="78" t="s">
        <v>106</v>
      </c>
    </row>
    <row r="7" spans="1:8" ht="27.45" customHeight="1" thickBot="1" x14ac:dyDescent="0.3">
      <c r="C7" s="32"/>
      <c r="E7" s="36" t="s">
        <v>110</v>
      </c>
    </row>
    <row r="8" spans="1:8" s="1" customFormat="1" ht="42" customHeight="1" thickBot="1" x14ac:dyDescent="0.3">
      <c r="A8" s="3"/>
      <c r="C8" s="32"/>
      <c r="E8" s="79" t="s">
        <v>107</v>
      </c>
      <c r="F8" s="5"/>
    </row>
    <row r="9" spans="1:8" s="1" customFormat="1" ht="16.2" thickBot="1" x14ac:dyDescent="0.3">
      <c r="A9" s="3"/>
      <c r="B9" s="10" t="s">
        <v>6</v>
      </c>
      <c r="C9" s="7"/>
      <c r="D9" s="12"/>
      <c r="E9" s="8"/>
      <c r="F9" s="5"/>
    </row>
    <row r="10" spans="1:8" s="1" customFormat="1" ht="52.05" customHeight="1" thickBot="1" x14ac:dyDescent="0.3">
      <c r="A10" s="3"/>
      <c r="B10" s="16" t="s">
        <v>4</v>
      </c>
      <c r="C10" s="147" t="s">
        <v>109</v>
      </c>
      <c r="D10" s="148"/>
      <c r="E10" s="37"/>
      <c r="F10" s="5"/>
    </row>
    <row r="11" spans="1:8" s="1" customFormat="1" ht="76.95" customHeight="1" thickBot="1" x14ac:dyDescent="0.3">
      <c r="A11" s="3"/>
      <c r="B11" s="20" t="s">
        <v>102</v>
      </c>
      <c r="C11" s="144" t="s">
        <v>190</v>
      </c>
      <c r="D11" s="145"/>
      <c r="E11" s="146"/>
      <c r="F11" s="5"/>
    </row>
    <row r="12" spans="1:8" ht="64.5" customHeight="1" thickBot="1" x14ac:dyDescent="0.3">
      <c r="B12" s="21"/>
      <c r="C12" s="141" t="s">
        <v>5</v>
      </c>
      <c r="D12" s="142"/>
      <c r="E12" s="143"/>
    </row>
    <row r="13" spans="1:8" ht="16.2" thickBot="1" x14ac:dyDescent="0.3">
      <c r="B13" s="21"/>
      <c r="C13" s="15" t="s">
        <v>105</v>
      </c>
      <c r="D13" s="33" t="s">
        <v>103</v>
      </c>
      <c r="E13" s="33" t="s">
        <v>108</v>
      </c>
    </row>
    <row r="14" spans="1:8" ht="16.05" customHeight="1" thickBot="1" x14ac:dyDescent="0.3">
      <c r="B14" s="22" t="s">
        <v>181</v>
      </c>
      <c r="C14" s="9"/>
      <c r="D14" s="2"/>
      <c r="E14" s="2"/>
      <c r="G14" s="17"/>
      <c r="H14"/>
    </row>
    <row r="15" spans="1:8" ht="60.6" thickBot="1" x14ac:dyDescent="0.3">
      <c r="B15" s="23" t="s">
        <v>182</v>
      </c>
      <c r="C15" s="24" t="s">
        <v>3</v>
      </c>
      <c r="D15" s="25"/>
      <c r="E15" s="25"/>
      <c r="G15" s="17"/>
      <c r="H15"/>
    </row>
    <row r="16" spans="1:8" ht="15.6" thickBot="1" x14ac:dyDescent="0.3">
      <c r="B16" s="21"/>
      <c r="C16" s="26"/>
      <c r="D16" s="27"/>
      <c r="E16" s="27"/>
      <c r="G16" s="17"/>
      <c r="H16"/>
    </row>
    <row r="17" spans="2:8" ht="55.05" customHeight="1" thickBot="1" x14ac:dyDescent="0.3">
      <c r="B17" s="22" t="s">
        <v>192</v>
      </c>
      <c r="C17" s="9"/>
      <c r="D17" s="2"/>
      <c r="E17" s="2"/>
      <c r="G17" s="17"/>
      <c r="H17"/>
    </row>
    <row r="18" spans="2:8" ht="16.05" customHeight="1" thickBot="1" x14ac:dyDescent="0.3">
      <c r="B18" s="85" t="s">
        <v>104</v>
      </c>
      <c r="C18" s="13"/>
      <c r="D18" s="14"/>
      <c r="E18" s="14"/>
      <c r="G18" s="17"/>
      <c r="H18"/>
    </row>
    <row r="19" spans="2:8" ht="15.6" x14ac:dyDescent="0.25">
      <c r="B19" s="28" t="s">
        <v>7</v>
      </c>
      <c r="C19" s="82"/>
      <c r="D19" s="80"/>
      <c r="E19" s="29"/>
      <c r="G19" s="17"/>
      <c r="H19"/>
    </row>
    <row r="20" spans="2:8" ht="15.6" x14ac:dyDescent="0.25">
      <c r="B20" s="28" t="s">
        <v>8</v>
      </c>
      <c r="C20" s="83"/>
      <c r="D20" s="81"/>
      <c r="E20" s="30"/>
      <c r="G20" s="17"/>
      <c r="H20"/>
    </row>
    <row r="21" spans="2:8" ht="15.6" x14ac:dyDescent="0.25">
      <c r="B21" s="28" t="s">
        <v>9</v>
      </c>
      <c r="C21" s="83"/>
      <c r="D21" s="81"/>
      <c r="E21" s="30"/>
      <c r="G21" s="17"/>
      <c r="H21"/>
    </row>
    <row r="22" spans="2:8" ht="15.6" x14ac:dyDescent="0.25">
      <c r="B22" s="28" t="s">
        <v>10</v>
      </c>
      <c r="C22" s="83"/>
      <c r="D22" s="81"/>
      <c r="E22" s="30"/>
      <c r="G22" s="17"/>
      <c r="H22"/>
    </row>
    <row r="23" spans="2:8" ht="15.6" x14ac:dyDescent="0.25">
      <c r="B23" s="28" t="s">
        <v>11</v>
      </c>
      <c r="C23" s="83"/>
      <c r="D23" s="81"/>
      <c r="E23" s="30"/>
      <c r="G23" s="17"/>
      <c r="H23"/>
    </row>
    <row r="24" spans="2:8" ht="15.6" x14ac:dyDescent="0.25">
      <c r="B24" s="28" t="s">
        <v>12</v>
      </c>
      <c r="C24" s="83"/>
      <c r="D24" s="81"/>
      <c r="E24" s="30"/>
      <c r="G24" s="17"/>
    </row>
    <row r="25" spans="2:8" ht="15.6" x14ac:dyDescent="0.25">
      <c r="B25" s="28" t="s">
        <v>13</v>
      </c>
      <c r="C25" s="83"/>
      <c r="D25" s="81"/>
      <c r="E25" s="30"/>
      <c r="G25" s="17"/>
      <c r="H25"/>
    </row>
    <row r="26" spans="2:8" ht="15.6" x14ac:dyDescent="0.25">
      <c r="B26" s="28" t="s">
        <v>14</v>
      </c>
      <c r="C26" s="83"/>
      <c r="D26" s="81"/>
      <c r="E26" s="30"/>
      <c r="G26" s="17"/>
      <c r="H26"/>
    </row>
    <row r="27" spans="2:8" ht="15.6" x14ac:dyDescent="0.25">
      <c r="B27" s="28" t="s">
        <v>15</v>
      </c>
      <c r="C27" s="83"/>
      <c r="D27" s="81"/>
      <c r="E27" s="30"/>
      <c r="G27" s="17"/>
      <c r="H27"/>
    </row>
    <row r="28" spans="2:8" ht="15.6" x14ac:dyDescent="0.25">
      <c r="B28" s="28" t="s">
        <v>16</v>
      </c>
      <c r="C28" s="83"/>
      <c r="D28" s="81"/>
      <c r="E28" s="30"/>
      <c r="G28" s="17"/>
      <c r="H28"/>
    </row>
    <row r="29" spans="2:8" ht="15.6" x14ac:dyDescent="0.25">
      <c r="B29" s="28" t="s">
        <v>17</v>
      </c>
      <c r="C29" s="83"/>
      <c r="D29" s="81"/>
      <c r="E29" s="30"/>
      <c r="G29" s="17"/>
      <c r="H29"/>
    </row>
    <row r="30" spans="2:8" ht="15.6" x14ac:dyDescent="0.25">
      <c r="B30" s="28" t="s">
        <v>18</v>
      </c>
      <c r="C30" s="83"/>
      <c r="D30" s="81"/>
      <c r="E30" s="30"/>
      <c r="G30" s="17"/>
      <c r="H30"/>
    </row>
    <row r="31" spans="2:8" ht="15.6" x14ac:dyDescent="0.25">
      <c r="B31" s="28" t="s">
        <v>19</v>
      </c>
      <c r="C31" s="83"/>
      <c r="D31" s="81"/>
      <c r="E31" s="30"/>
      <c r="G31" s="17"/>
      <c r="H31"/>
    </row>
    <row r="32" spans="2:8" ht="15.6" x14ac:dyDescent="0.25">
      <c r="B32" s="28" t="s">
        <v>20</v>
      </c>
      <c r="C32" s="83"/>
      <c r="D32" s="81"/>
      <c r="E32" s="30"/>
      <c r="G32" s="17"/>
      <c r="H32"/>
    </row>
    <row r="33" spans="2:8" ht="15.6" x14ac:dyDescent="0.25">
      <c r="B33" s="28" t="s">
        <v>21</v>
      </c>
      <c r="C33" s="83"/>
      <c r="D33" s="81"/>
      <c r="E33" s="30"/>
      <c r="G33" s="17"/>
      <c r="H33"/>
    </row>
    <row r="34" spans="2:8" ht="15.6" x14ac:dyDescent="0.25">
      <c r="B34" s="28" t="s">
        <v>22</v>
      </c>
      <c r="C34" s="83"/>
      <c r="D34" s="81"/>
      <c r="E34" s="30"/>
      <c r="G34" s="17"/>
      <c r="H34"/>
    </row>
    <row r="35" spans="2:8" ht="15.6" x14ac:dyDescent="0.25">
      <c r="B35" s="28" t="s">
        <v>23</v>
      </c>
      <c r="C35" s="83"/>
      <c r="D35" s="81"/>
      <c r="E35" s="30"/>
      <c r="G35" s="17"/>
      <c r="H35"/>
    </row>
    <row r="36" spans="2:8" ht="15.6" x14ac:dyDescent="0.25">
      <c r="B36" s="28" t="s">
        <v>24</v>
      </c>
      <c r="C36" s="83"/>
      <c r="D36" s="81"/>
      <c r="E36" s="30"/>
      <c r="G36" s="17"/>
    </row>
    <row r="37" spans="2:8" ht="15.6" x14ac:dyDescent="0.25">
      <c r="B37" s="28" t="s">
        <v>25</v>
      </c>
      <c r="C37" s="83"/>
      <c r="D37" s="81"/>
      <c r="E37" s="30"/>
    </row>
    <row r="38" spans="2:8" ht="15.6" x14ac:dyDescent="0.25">
      <c r="B38" s="28" t="s">
        <v>26</v>
      </c>
      <c r="C38" s="83"/>
      <c r="D38" s="81"/>
      <c r="E38" s="30"/>
    </row>
    <row r="39" spans="2:8" ht="15.6" x14ac:dyDescent="0.25">
      <c r="B39" s="28" t="s">
        <v>27</v>
      </c>
      <c r="C39" s="83"/>
      <c r="D39" s="81"/>
      <c r="E39" s="30"/>
    </row>
    <row r="40" spans="2:8" ht="15.6" x14ac:dyDescent="0.25">
      <c r="B40" s="28" t="s">
        <v>28</v>
      </c>
      <c r="C40" s="83"/>
      <c r="D40" s="81"/>
      <c r="E40" s="30"/>
    </row>
    <row r="41" spans="2:8" ht="15.6" x14ac:dyDescent="0.25">
      <c r="B41" s="28" t="s">
        <v>29</v>
      </c>
      <c r="C41" s="83"/>
      <c r="D41" s="81"/>
      <c r="E41" s="30"/>
    </row>
    <row r="42" spans="2:8" ht="15.6" x14ac:dyDescent="0.25">
      <c r="B42" s="28" t="s">
        <v>30</v>
      </c>
      <c r="C42" s="83"/>
      <c r="D42" s="81"/>
      <c r="E42" s="30"/>
    </row>
    <row r="43" spans="2:8" ht="15.6" x14ac:dyDescent="0.25">
      <c r="B43" s="28" t="s">
        <v>31</v>
      </c>
      <c r="C43" s="83"/>
      <c r="D43" s="81"/>
      <c r="E43" s="30"/>
    </row>
    <row r="44" spans="2:8" ht="15.6" x14ac:dyDescent="0.25">
      <c r="B44" s="28" t="s">
        <v>32</v>
      </c>
      <c r="C44" s="83"/>
      <c r="D44" s="81"/>
      <c r="E44" s="30"/>
    </row>
    <row r="45" spans="2:8" ht="15.6" x14ac:dyDescent="0.25">
      <c r="B45" s="28" t="s">
        <v>33</v>
      </c>
      <c r="C45" s="83"/>
      <c r="D45" s="81"/>
      <c r="E45" s="30"/>
    </row>
    <row r="46" spans="2:8" ht="15.6" x14ac:dyDescent="0.25">
      <c r="B46" s="28" t="s">
        <v>34</v>
      </c>
      <c r="C46" s="83"/>
      <c r="D46" s="81"/>
      <c r="E46" s="30"/>
    </row>
    <row r="47" spans="2:8" ht="15.6" x14ac:dyDescent="0.25">
      <c r="B47" s="28" t="s">
        <v>35</v>
      </c>
      <c r="C47" s="83"/>
      <c r="D47" s="81"/>
      <c r="E47" s="30"/>
    </row>
    <row r="48" spans="2:8" ht="15.6" x14ac:dyDescent="0.25">
      <c r="B48" s="28" t="s">
        <v>36</v>
      </c>
      <c r="C48" s="83"/>
      <c r="D48" s="81"/>
      <c r="E48" s="30"/>
    </row>
    <row r="49" spans="2:5" ht="15.6" x14ac:dyDescent="0.25">
      <c r="B49" s="28" t="s">
        <v>37</v>
      </c>
      <c r="C49" s="83"/>
      <c r="D49" s="81"/>
      <c r="E49" s="30"/>
    </row>
    <row r="50" spans="2:5" ht="15.6" x14ac:dyDescent="0.25">
      <c r="B50" s="28" t="s">
        <v>38</v>
      </c>
      <c r="C50" s="83"/>
      <c r="D50" s="81"/>
      <c r="E50" s="30"/>
    </row>
    <row r="51" spans="2:5" ht="15.6" x14ac:dyDescent="0.25">
      <c r="B51" s="28" t="s">
        <v>39</v>
      </c>
      <c r="C51" s="83"/>
      <c r="D51" s="81"/>
      <c r="E51" s="30"/>
    </row>
    <row r="52" spans="2:5" ht="15.6" x14ac:dyDescent="0.25">
      <c r="B52" s="28" t="s">
        <v>40</v>
      </c>
      <c r="C52" s="83"/>
      <c r="D52" s="81"/>
      <c r="E52" s="30"/>
    </row>
    <row r="53" spans="2:5" ht="15.6" x14ac:dyDescent="0.25">
      <c r="B53" s="28" t="s">
        <v>41</v>
      </c>
      <c r="C53" s="83"/>
      <c r="D53" s="81"/>
      <c r="E53" s="30"/>
    </row>
    <row r="54" spans="2:5" ht="15.6" x14ac:dyDescent="0.25">
      <c r="B54" s="28" t="s">
        <v>42</v>
      </c>
      <c r="C54" s="83"/>
      <c r="D54" s="81"/>
      <c r="E54" s="30"/>
    </row>
    <row r="55" spans="2:5" ht="15.6" x14ac:dyDescent="0.25">
      <c r="B55" s="28" t="s">
        <v>43</v>
      </c>
      <c r="C55" s="83"/>
      <c r="D55" s="81"/>
      <c r="E55" s="30"/>
    </row>
    <row r="56" spans="2:5" ht="15.6" x14ac:dyDescent="0.25">
      <c r="B56" s="28" t="s">
        <v>44</v>
      </c>
      <c r="C56" s="83"/>
      <c r="D56" s="81"/>
      <c r="E56" s="30"/>
    </row>
    <row r="57" spans="2:5" ht="15.6" x14ac:dyDescent="0.25">
      <c r="B57" s="28" t="s">
        <v>45</v>
      </c>
      <c r="C57" s="83"/>
      <c r="D57" s="81"/>
      <c r="E57" s="30"/>
    </row>
    <row r="58" spans="2:5" ht="15.6" x14ac:dyDescent="0.25">
      <c r="B58" s="28" t="s">
        <v>46</v>
      </c>
      <c r="C58" s="83"/>
      <c r="D58" s="81"/>
      <c r="E58" s="30"/>
    </row>
    <row r="59" spans="2:5" ht="15.6" x14ac:dyDescent="0.25">
      <c r="B59" s="28" t="s">
        <v>47</v>
      </c>
      <c r="C59" s="83"/>
      <c r="D59" s="81"/>
      <c r="E59" s="30"/>
    </row>
    <row r="60" spans="2:5" ht="15.6" x14ac:dyDescent="0.25">
      <c r="B60" s="28" t="s">
        <v>48</v>
      </c>
      <c r="C60" s="83"/>
      <c r="D60" s="81"/>
      <c r="E60" s="30"/>
    </row>
    <row r="61" spans="2:5" ht="15.6" x14ac:dyDescent="0.25">
      <c r="B61" s="28" t="s">
        <v>49</v>
      </c>
      <c r="C61" s="83"/>
      <c r="D61" s="81"/>
      <c r="E61" s="30"/>
    </row>
    <row r="62" spans="2:5" ht="15.6" x14ac:dyDescent="0.25">
      <c r="B62" s="28" t="s">
        <v>50</v>
      </c>
      <c r="C62" s="83"/>
      <c r="D62" s="81"/>
      <c r="E62" s="30"/>
    </row>
    <row r="63" spans="2:5" ht="15.6" x14ac:dyDescent="0.25">
      <c r="B63" s="28" t="s">
        <v>51</v>
      </c>
      <c r="C63" s="83"/>
      <c r="D63" s="81"/>
      <c r="E63" s="30"/>
    </row>
    <row r="64" spans="2:5" ht="15.6" x14ac:dyDescent="0.25">
      <c r="B64" s="28" t="s">
        <v>52</v>
      </c>
      <c r="C64" s="83"/>
      <c r="D64" s="81"/>
      <c r="E64" s="30"/>
    </row>
    <row r="65" spans="2:5" ht="15.6" x14ac:dyDescent="0.25">
      <c r="B65" s="28" t="s">
        <v>53</v>
      </c>
      <c r="C65" s="83"/>
      <c r="D65" s="81"/>
      <c r="E65" s="30"/>
    </row>
    <row r="66" spans="2:5" ht="15.6" x14ac:dyDescent="0.25">
      <c r="B66" s="28" t="s">
        <v>54</v>
      </c>
      <c r="C66" s="83"/>
      <c r="D66" s="81"/>
      <c r="E66" s="30"/>
    </row>
    <row r="67" spans="2:5" ht="15.6" x14ac:dyDescent="0.25">
      <c r="B67" s="28" t="s">
        <v>55</v>
      </c>
      <c r="C67" s="83"/>
      <c r="D67" s="81"/>
      <c r="E67" s="30"/>
    </row>
    <row r="68" spans="2:5" ht="15.6" x14ac:dyDescent="0.25">
      <c r="B68" s="28" t="s">
        <v>56</v>
      </c>
      <c r="C68" s="83"/>
      <c r="D68" s="81"/>
      <c r="E68" s="30"/>
    </row>
    <row r="69" spans="2:5" ht="15.6" x14ac:dyDescent="0.25">
      <c r="B69" s="28" t="s">
        <v>57</v>
      </c>
      <c r="C69" s="83"/>
      <c r="D69" s="81"/>
      <c r="E69" s="30"/>
    </row>
    <row r="70" spans="2:5" ht="15.6" x14ac:dyDescent="0.25">
      <c r="B70" s="28" t="s">
        <v>58</v>
      </c>
      <c r="C70" s="83"/>
      <c r="D70" s="81"/>
      <c r="E70" s="30"/>
    </row>
    <row r="71" spans="2:5" ht="15.6" x14ac:dyDescent="0.25">
      <c r="B71" s="28" t="s">
        <v>59</v>
      </c>
      <c r="C71" s="83"/>
      <c r="D71" s="81"/>
      <c r="E71" s="30"/>
    </row>
    <row r="72" spans="2:5" ht="15.6" x14ac:dyDescent="0.25">
      <c r="B72" s="28" t="s">
        <v>60</v>
      </c>
      <c r="C72" s="83"/>
      <c r="D72" s="81"/>
      <c r="E72" s="30"/>
    </row>
    <row r="73" spans="2:5" ht="15.6" x14ac:dyDescent="0.25">
      <c r="B73" s="28" t="s">
        <v>61</v>
      </c>
      <c r="C73" s="83"/>
      <c r="D73" s="81"/>
      <c r="E73" s="30"/>
    </row>
    <row r="74" spans="2:5" ht="15.6" x14ac:dyDescent="0.25">
      <c r="B74" s="28" t="s">
        <v>62</v>
      </c>
      <c r="C74" s="83"/>
      <c r="D74" s="81"/>
      <c r="E74" s="30"/>
    </row>
    <row r="75" spans="2:5" ht="15.6" x14ac:dyDescent="0.25">
      <c r="B75" s="28" t="s">
        <v>63</v>
      </c>
      <c r="C75" s="83"/>
      <c r="D75" s="81"/>
      <c r="E75" s="30"/>
    </row>
    <row r="76" spans="2:5" ht="15.6" x14ac:dyDescent="0.25">
      <c r="B76" s="28" t="s">
        <v>64</v>
      </c>
      <c r="C76" s="83"/>
      <c r="D76" s="81"/>
      <c r="E76" s="30"/>
    </row>
    <row r="77" spans="2:5" ht="15.6" x14ac:dyDescent="0.25">
      <c r="B77" s="28" t="s">
        <v>65</v>
      </c>
      <c r="C77" s="83"/>
      <c r="D77" s="81"/>
      <c r="E77" s="30"/>
    </row>
    <row r="78" spans="2:5" ht="15.6" x14ac:dyDescent="0.25">
      <c r="B78" s="28" t="s">
        <v>66</v>
      </c>
      <c r="C78" s="83"/>
      <c r="D78" s="81"/>
      <c r="E78" s="30"/>
    </row>
    <row r="79" spans="2:5" ht="15.6" x14ac:dyDescent="0.25">
      <c r="B79" s="28" t="s">
        <v>67</v>
      </c>
      <c r="C79" s="83"/>
      <c r="D79" s="81"/>
      <c r="E79" s="30"/>
    </row>
    <row r="80" spans="2:5" ht="15.6" x14ac:dyDescent="0.25">
      <c r="B80" s="28" t="s">
        <v>68</v>
      </c>
      <c r="C80" s="83"/>
      <c r="D80" s="81"/>
      <c r="E80" s="30"/>
    </row>
    <row r="81" spans="2:5" ht="15.6" x14ac:dyDescent="0.25">
      <c r="B81" s="28" t="s">
        <v>69</v>
      </c>
      <c r="C81" s="83"/>
      <c r="D81" s="81"/>
      <c r="E81" s="30"/>
    </row>
    <row r="82" spans="2:5" ht="15.6" x14ac:dyDescent="0.25">
      <c r="B82" s="28" t="s">
        <v>70</v>
      </c>
      <c r="C82" s="83"/>
      <c r="D82" s="81"/>
      <c r="E82" s="30"/>
    </row>
    <row r="83" spans="2:5" ht="15.6" x14ac:dyDescent="0.25">
      <c r="B83" s="28" t="s">
        <v>71</v>
      </c>
      <c r="C83" s="83"/>
      <c r="D83" s="81"/>
      <c r="E83" s="30"/>
    </row>
    <row r="84" spans="2:5" ht="15.6" x14ac:dyDescent="0.25">
      <c r="B84" s="28" t="s">
        <v>72</v>
      </c>
      <c r="C84" s="83"/>
      <c r="D84" s="81"/>
      <c r="E84" s="30"/>
    </row>
    <row r="85" spans="2:5" ht="15.6" x14ac:dyDescent="0.25">
      <c r="B85" s="28" t="s">
        <v>73</v>
      </c>
      <c r="C85" s="83"/>
      <c r="D85" s="81"/>
      <c r="E85" s="30"/>
    </row>
    <row r="86" spans="2:5" ht="15.6" x14ac:dyDescent="0.25">
      <c r="B86" s="28" t="s">
        <v>74</v>
      </c>
      <c r="C86" s="83"/>
      <c r="D86" s="81"/>
      <c r="E86" s="30"/>
    </row>
    <row r="87" spans="2:5" ht="15.6" x14ac:dyDescent="0.25">
      <c r="B87" s="28" t="s">
        <v>75</v>
      </c>
      <c r="C87" s="83"/>
      <c r="D87" s="81"/>
      <c r="E87" s="30"/>
    </row>
    <row r="88" spans="2:5" ht="15.6" x14ac:dyDescent="0.25">
      <c r="B88" s="28" t="s">
        <v>76</v>
      </c>
      <c r="C88" s="83"/>
      <c r="D88" s="81"/>
      <c r="E88" s="30"/>
    </row>
    <row r="89" spans="2:5" ht="15.6" x14ac:dyDescent="0.25">
      <c r="B89" s="28" t="s">
        <v>77</v>
      </c>
      <c r="C89" s="83"/>
      <c r="D89" s="81"/>
      <c r="E89" s="30"/>
    </row>
    <row r="90" spans="2:5" ht="15.6" x14ac:dyDescent="0.25">
      <c r="B90" s="28" t="s">
        <v>78</v>
      </c>
      <c r="C90" s="83"/>
      <c r="D90" s="81"/>
      <c r="E90" s="30"/>
    </row>
    <row r="91" spans="2:5" ht="15.6" x14ac:dyDescent="0.25">
      <c r="B91" s="28" t="s">
        <v>79</v>
      </c>
      <c r="C91" s="83"/>
      <c r="D91" s="81"/>
      <c r="E91" s="30"/>
    </row>
    <row r="92" spans="2:5" ht="15.6" x14ac:dyDescent="0.25">
      <c r="B92" s="28" t="s">
        <v>80</v>
      </c>
      <c r="C92" s="83"/>
      <c r="D92" s="81"/>
      <c r="E92" s="30"/>
    </row>
    <row r="93" spans="2:5" ht="15.6" x14ac:dyDescent="0.25">
      <c r="B93" s="28" t="s">
        <v>81</v>
      </c>
      <c r="C93" s="83"/>
      <c r="D93" s="81"/>
      <c r="E93" s="30"/>
    </row>
    <row r="94" spans="2:5" ht="15.6" x14ac:dyDescent="0.25">
      <c r="B94" s="28" t="s">
        <v>82</v>
      </c>
      <c r="C94" s="83"/>
      <c r="D94" s="81"/>
      <c r="E94" s="30"/>
    </row>
    <row r="95" spans="2:5" ht="15.6" x14ac:dyDescent="0.25">
      <c r="B95" s="28" t="s">
        <v>83</v>
      </c>
      <c r="C95" s="83"/>
      <c r="D95" s="81"/>
      <c r="E95" s="30"/>
    </row>
    <row r="96" spans="2:5" ht="15.6" x14ac:dyDescent="0.25">
      <c r="B96" s="28" t="s">
        <v>84</v>
      </c>
      <c r="C96" s="83"/>
      <c r="D96" s="81"/>
      <c r="E96" s="30"/>
    </row>
    <row r="97" spans="2:5" ht="15.6" x14ac:dyDescent="0.25">
      <c r="B97" s="28" t="s">
        <v>85</v>
      </c>
      <c r="C97" s="83"/>
      <c r="D97" s="81"/>
      <c r="E97" s="30"/>
    </row>
    <row r="98" spans="2:5" ht="15.6" x14ac:dyDescent="0.25">
      <c r="B98" s="28" t="s">
        <v>86</v>
      </c>
      <c r="C98" s="83"/>
      <c r="D98" s="81"/>
      <c r="E98" s="30"/>
    </row>
    <row r="99" spans="2:5" ht="15.6" x14ac:dyDescent="0.25">
      <c r="B99" s="28" t="s">
        <v>87</v>
      </c>
      <c r="C99" s="83"/>
      <c r="D99" s="81"/>
      <c r="E99" s="30"/>
    </row>
    <row r="100" spans="2:5" ht="15.6" x14ac:dyDescent="0.25">
      <c r="B100" s="28" t="s">
        <v>88</v>
      </c>
      <c r="C100" s="83"/>
      <c r="D100" s="81"/>
      <c r="E100" s="30"/>
    </row>
    <row r="101" spans="2:5" ht="15.6" x14ac:dyDescent="0.25">
      <c r="B101" s="28" t="s">
        <v>89</v>
      </c>
      <c r="C101" s="83"/>
      <c r="D101" s="81"/>
      <c r="E101" s="30"/>
    </row>
    <row r="102" spans="2:5" ht="15.6" x14ac:dyDescent="0.25">
      <c r="B102" s="28" t="s">
        <v>90</v>
      </c>
      <c r="C102" s="83"/>
      <c r="D102" s="81"/>
      <c r="E102" s="30"/>
    </row>
    <row r="103" spans="2:5" ht="15.6" x14ac:dyDescent="0.25">
      <c r="B103" s="28" t="s">
        <v>91</v>
      </c>
      <c r="C103" s="83"/>
      <c r="D103" s="81"/>
      <c r="E103" s="30"/>
    </row>
    <row r="104" spans="2:5" ht="15.6" x14ac:dyDescent="0.25">
      <c r="B104" s="28" t="s">
        <v>92</v>
      </c>
      <c r="C104" s="83"/>
      <c r="D104" s="81"/>
      <c r="E104" s="30"/>
    </row>
    <row r="105" spans="2:5" ht="15.6" x14ac:dyDescent="0.25">
      <c r="B105" s="28" t="s">
        <v>93</v>
      </c>
      <c r="C105" s="83"/>
      <c r="D105" s="81"/>
      <c r="E105" s="30"/>
    </row>
    <row r="106" spans="2:5" ht="15.6" x14ac:dyDescent="0.25">
      <c r="B106" s="28" t="s">
        <v>94</v>
      </c>
      <c r="C106" s="83"/>
      <c r="D106" s="81"/>
      <c r="E106" s="30"/>
    </row>
    <row r="107" spans="2:5" ht="15.6" x14ac:dyDescent="0.25">
      <c r="B107" s="28" t="s">
        <v>95</v>
      </c>
      <c r="C107" s="83"/>
      <c r="D107" s="81"/>
      <c r="E107" s="30"/>
    </row>
    <row r="108" spans="2:5" ht="15.6" x14ac:dyDescent="0.25">
      <c r="B108" s="28" t="s">
        <v>96</v>
      </c>
      <c r="C108" s="83"/>
      <c r="D108" s="81"/>
      <c r="E108" s="30"/>
    </row>
    <row r="109" spans="2:5" ht="15.6" x14ac:dyDescent="0.25">
      <c r="B109" s="28" t="s">
        <v>97</v>
      </c>
      <c r="C109" s="83"/>
      <c r="D109" s="81"/>
      <c r="E109" s="30"/>
    </row>
    <row r="110" spans="2:5" ht="15.6" x14ac:dyDescent="0.25">
      <c r="B110" s="28" t="s">
        <v>98</v>
      </c>
      <c r="C110" s="83"/>
      <c r="D110" s="81"/>
      <c r="E110" s="30"/>
    </row>
    <row r="111" spans="2:5" ht="15.6" x14ac:dyDescent="0.25">
      <c r="B111" s="28" t="s">
        <v>99</v>
      </c>
      <c r="C111" s="83"/>
      <c r="D111" s="81"/>
      <c r="E111" s="30"/>
    </row>
    <row r="112" spans="2:5" ht="15.6" x14ac:dyDescent="0.25">
      <c r="B112" s="28" t="s">
        <v>100</v>
      </c>
      <c r="C112" s="83"/>
      <c r="D112" s="81"/>
      <c r="E112" s="30"/>
    </row>
    <row r="113" spans="2:5" ht="15.6" x14ac:dyDescent="0.25">
      <c r="B113" s="28" t="s">
        <v>101</v>
      </c>
      <c r="C113" s="83"/>
      <c r="D113" s="81"/>
      <c r="E113" s="30"/>
    </row>
    <row r="114" spans="2:5" ht="15.6" x14ac:dyDescent="0.25">
      <c r="B114" s="28" t="s">
        <v>183</v>
      </c>
      <c r="C114" s="83"/>
      <c r="D114" s="81"/>
      <c r="E114" s="30"/>
    </row>
    <row r="115" spans="2:5" ht="15.6" x14ac:dyDescent="0.25">
      <c r="B115" s="28" t="s">
        <v>184</v>
      </c>
      <c r="C115" s="83"/>
      <c r="D115" s="81"/>
      <c r="E115" s="30"/>
    </row>
    <row r="116" spans="2:5" ht="15.6" x14ac:dyDescent="0.25">
      <c r="B116" s="28" t="s">
        <v>185</v>
      </c>
      <c r="C116" s="83"/>
      <c r="D116" s="81"/>
      <c r="E116" s="30"/>
    </row>
    <row r="117" spans="2:5" ht="15.6" x14ac:dyDescent="0.25">
      <c r="B117" s="28" t="s">
        <v>186</v>
      </c>
      <c r="C117" s="83"/>
      <c r="D117" s="81"/>
      <c r="E117" s="30"/>
    </row>
    <row r="118" spans="2:5" ht="15.6" x14ac:dyDescent="0.25">
      <c r="B118" s="28" t="s">
        <v>187</v>
      </c>
      <c r="C118" s="83"/>
      <c r="D118" s="81"/>
      <c r="E118" s="30"/>
    </row>
    <row r="119" spans="2:5" ht="15.6" x14ac:dyDescent="0.25">
      <c r="B119" s="28" t="s">
        <v>188</v>
      </c>
      <c r="C119" s="28"/>
      <c r="D119" s="28"/>
      <c r="E119" s="30"/>
    </row>
    <row r="120" spans="2:5" ht="15.6" x14ac:dyDescent="0.25">
      <c r="B120" s="28" t="s">
        <v>193</v>
      </c>
      <c r="C120" s="28"/>
      <c r="D120" s="28"/>
      <c r="E120" s="30"/>
    </row>
    <row r="121" spans="2:5" ht="16.2" thickBot="1" x14ac:dyDescent="0.3">
      <c r="B121" s="86" t="s">
        <v>194</v>
      </c>
      <c r="C121" s="149"/>
      <c r="D121" s="150"/>
      <c r="E121" s="27"/>
    </row>
    <row r="122" spans="2:5" ht="31.05" customHeight="1" thickBot="1" x14ac:dyDescent="0.3">
      <c r="B122" s="87" t="s">
        <v>191</v>
      </c>
      <c r="C122" s="84"/>
      <c r="D122" s="77"/>
      <c r="E122" s="2"/>
    </row>
    <row r="123" spans="2:5" ht="31.05" customHeight="1" x14ac:dyDescent="0.25">
      <c r="D123" s="7"/>
    </row>
    <row r="124" spans="2:5" x14ac:dyDescent="0.25">
      <c r="E124" s="8"/>
    </row>
    <row r="125" spans="2:5" x14ac:dyDescent="0.25">
      <c r="E125" s="8"/>
    </row>
    <row r="126" spans="2:5" x14ac:dyDescent="0.25">
      <c r="E126" s="8"/>
    </row>
    <row r="127" spans="2:5" x14ac:dyDescent="0.25">
      <c r="E127" s="8"/>
    </row>
    <row r="128" spans="2:5" x14ac:dyDescent="0.25">
      <c r="E128" s="8"/>
    </row>
    <row r="129" spans="5:5" x14ac:dyDescent="0.25">
      <c r="E129" s="8"/>
    </row>
    <row r="130" spans="5:5" x14ac:dyDescent="0.25">
      <c r="E130" s="8"/>
    </row>
    <row r="131" spans="5:5" x14ac:dyDescent="0.25">
      <c r="E131" s="8"/>
    </row>
    <row r="132" spans="5:5" x14ac:dyDescent="0.25">
      <c r="E132" s="8"/>
    </row>
    <row r="133" spans="5:5" x14ac:dyDescent="0.25">
      <c r="E133" s="8"/>
    </row>
    <row r="134" spans="5:5" x14ac:dyDescent="0.25">
      <c r="E134" s="8"/>
    </row>
    <row r="135" spans="5:5" x14ac:dyDescent="0.25">
      <c r="E135" s="8"/>
    </row>
    <row r="136" spans="5:5" x14ac:dyDescent="0.25">
      <c r="E136" s="8"/>
    </row>
    <row r="137" spans="5:5" x14ac:dyDescent="0.25">
      <c r="E137" s="8"/>
    </row>
    <row r="138" spans="5:5" x14ac:dyDescent="0.25">
      <c r="E138" s="8"/>
    </row>
    <row r="139" spans="5:5" x14ac:dyDescent="0.25">
      <c r="E139" s="8"/>
    </row>
    <row r="140" spans="5:5" x14ac:dyDescent="0.25">
      <c r="E140" s="8"/>
    </row>
    <row r="141" spans="5:5" x14ac:dyDescent="0.25">
      <c r="E141" s="8"/>
    </row>
    <row r="142" spans="5:5" x14ac:dyDescent="0.25">
      <c r="E142" s="8"/>
    </row>
    <row r="143" spans="5:5" x14ac:dyDescent="0.25">
      <c r="E143" s="8"/>
    </row>
    <row r="144" spans="5:5" x14ac:dyDescent="0.25">
      <c r="E144" s="8"/>
    </row>
    <row r="145" spans="5:5" x14ac:dyDescent="0.25">
      <c r="E145" s="8"/>
    </row>
    <row r="146" spans="5:5" x14ac:dyDescent="0.25">
      <c r="E146" s="8"/>
    </row>
    <row r="147" spans="5:5" x14ac:dyDescent="0.25">
      <c r="E147" s="8"/>
    </row>
    <row r="148" spans="5:5" x14ac:dyDescent="0.25">
      <c r="E148" s="8"/>
    </row>
  </sheetData>
  <mergeCells count="3">
    <mergeCell ref="C12:E12"/>
    <mergeCell ref="C11:E11"/>
    <mergeCell ref="C10:D10"/>
  </mergeCells>
  <phoneticPr fontId="5" type="noConversion"/>
  <printOptions horizontalCentered="1"/>
  <pageMargins left="0.19685039370078741" right="0.19685039370078741" top="0.39370078740157483" bottom="0.39370078740157483" header="0.19685039370078741" footer="0.19685039370078741"/>
  <pageSetup paperSize="9" scale="31" fitToHeight="4" orientation="portrait" r:id="rId1"/>
  <headerFooter alignWithMargins="0">
    <oddHeader>&amp;C&amp;"Arial,Gras"&amp;16&amp;UTS PdR MAR5 et BLE5 : Synthèse technique de l'Appel d'Offres</oddHeader>
    <oddFooter xml:space="preserve">&amp;R&amp;P - &amp;N 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euilles de calcul</vt:lpstr>
      </vt:variant>
      <vt:variant>
        <vt:i4>2</vt:i4>
      </vt:variant>
      <vt:variant>
        <vt:lpstr>Plages nommées</vt:lpstr>
      </vt:variant>
      <vt:variant>
        <vt:i4>2</vt:i4>
      </vt:variant>
    </vt:vector>
  </HeadingPairs>
  <TitlesOfParts>
    <vt:vector size="4" baseType="lpstr">
      <vt:lpstr>Page de garde</vt:lpstr>
      <vt:lpstr>Analyse</vt:lpstr>
      <vt:lpstr>Analyse!_Toc89943423</vt:lpstr>
      <vt:lpstr>'Page de garde'!Zone_d_impression</vt:lpstr>
    </vt:vector>
  </TitlesOfParts>
  <Company>EDF - Gaz de Franc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31975</dc:creator>
  <cp:lastModifiedBy>BENAVENT Fabien</cp:lastModifiedBy>
  <cp:lastPrinted>2015-07-06T13:57:40Z</cp:lastPrinted>
  <dcterms:created xsi:type="dcterms:W3CDTF">2007-09-24T07:46:06Z</dcterms:created>
  <dcterms:modified xsi:type="dcterms:W3CDTF">2022-07-25T02:35:5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2d26f538-337a-4593-a7e6-123667b1a538_Enabled">
    <vt:lpwstr>true</vt:lpwstr>
  </property>
  <property fmtid="{D5CDD505-2E9C-101B-9397-08002B2CF9AE}" pid="3" name="MSIP_Label_2d26f538-337a-4593-a7e6-123667b1a538_SetDate">
    <vt:lpwstr>2022-01-21T12:53:29Z</vt:lpwstr>
  </property>
  <property fmtid="{D5CDD505-2E9C-101B-9397-08002B2CF9AE}" pid="4" name="MSIP_Label_2d26f538-337a-4593-a7e6-123667b1a538_Method">
    <vt:lpwstr>Standard</vt:lpwstr>
  </property>
  <property fmtid="{D5CDD505-2E9C-101B-9397-08002B2CF9AE}" pid="5" name="MSIP_Label_2d26f538-337a-4593-a7e6-123667b1a538_Name">
    <vt:lpwstr>C1 Interne</vt:lpwstr>
  </property>
  <property fmtid="{D5CDD505-2E9C-101B-9397-08002B2CF9AE}" pid="6" name="MSIP_Label_2d26f538-337a-4593-a7e6-123667b1a538_SiteId">
    <vt:lpwstr>e242425b-70fc-44dc-9ddf-c21e304e6c80</vt:lpwstr>
  </property>
  <property fmtid="{D5CDD505-2E9C-101B-9397-08002B2CF9AE}" pid="7" name="MSIP_Label_2d26f538-337a-4593-a7e6-123667b1a538_ActionId">
    <vt:lpwstr>b751c705-c1e8-47d8-8046-988918ff7335</vt:lpwstr>
  </property>
  <property fmtid="{D5CDD505-2E9C-101B-9397-08002B2CF9AE}" pid="8" name="MSIP_Label_2d26f538-337a-4593-a7e6-123667b1a538_ContentBits">
    <vt:lpwstr>0</vt:lpwstr>
  </property>
</Properties>
</file>